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bookmarkIdSeed="3">
  <p:sldMasterIdLst>
    <p:sldMasterId id="2147483648" r:id="rId13"/>
  </p:sldMasterIdLst>
  <p:notesMasterIdLst>
    <p:notesMasterId r:id="rId36"/>
  </p:notesMasterIdLst>
  <p:sldIdLst>
    <p:sldId id="267" r:id="rId14"/>
    <p:sldId id="280" r:id="rId15"/>
    <p:sldId id="269" r:id="rId16"/>
    <p:sldId id="283" r:id="rId17"/>
    <p:sldId id="282" r:id="rId18"/>
    <p:sldId id="284" r:id="rId19"/>
    <p:sldId id="285" r:id="rId20"/>
    <p:sldId id="268" r:id="rId21"/>
    <p:sldId id="270" r:id="rId22"/>
    <p:sldId id="273" r:id="rId23"/>
    <p:sldId id="272" r:id="rId24"/>
    <p:sldId id="278" r:id="rId25"/>
    <p:sldId id="286" r:id="rId26"/>
    <p:sldId id="287" r:id="rId27"/>
    <p:sldId id="290" r:id="rId28"/>
    <p:sldId id="289" r:id="rId29"/>
    <p:sldId id="271" r:id="rId30"/>
    <p:sldId id="274" r:id="rId31"/>
    <p:sldId id="291" r:id="rId32"/>
    <p:sldId id="279" r:id="rId33"/>
    <p:sldId id="288" r:id="rId34"/>
    <p:sldId id="277" r:id="rId35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999999"/>
    <a:srgbClr val="E8DED4"/>
    <a:srgbClr val="E8C9BF"/>
    <a:srgbClr val="E9E402"/>
    <a:srgbClr val="6BA58F"/>
    <a:srgbClr val="154053"/>
    <a:srgbClr val="97856F"/>
    <a:srgbClr val="EFE8E1"/>
    <a:srgbClr val="F5F1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09D226F-48E5-41F9-B00C-08BB8A03AC7E}" v="78" dt="2025-10-28T20:22:55.01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94645" autoAdjust="0"/>
  </p:normalViewPr>
  <p:slideViewPr>
    <p:cSldViewPr snapToGrid="0" showGuides="1">
      <p:cViewPr varScale="1">
        <p:scale>
          <a:sx n="105" d="100"/>
          <a:sy n="105" d="100"/>
        </p:scale>
        <p:origin x="834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napToGrid="0" showGuides="1">
      <p:cViewPr varScale="1">
        <p:scale>
          <a:sx n="90" d="100"/>
          <a:sy n="90" d="100"/>
        </p:scale>
        <p:origin x="1458" y="90"/>
      </p:cViewPr>
      <p:guideLst/>
    </p:cSldViewPr>
  </p:notes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39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slide" Target="slides/slide8.xml"/><Relationship Id="rId34" Type="http://schemas.openxmlformats.org/officeDocument/2006/relationships/slide" Target="slides/slide2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33" Type="http://schemas.openxmlformats.org/officeDocument/2006/relationships/slide" Target="slides/slide20.xml"/><Relationship Id="rId38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slide" Target="slides/slide16.xml"/><Relationship Id="rId41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slide" Target="slides/slide19.xml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slide" Target="slides/slide15.xml"/><Relationship Id="rId36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slide" Target="slides/slide1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slide" Target="slides/slide17.xml"/><Relationship Id="rId35" Type="http://schemas.openxmlformats.org/officeDocument/2006/relationships/slide" Target="slides/slide22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28-10-2025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Mig- interesser-</a:t>
            </a:r>
            <a:r>
              <a:rPr lang="da-DK" dirty="0" err="1"/>
              <a:t>kompetancer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3122374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Hvad er problematikken   hvorfor tog vi dette op      </a:t>
            </a:r>
            <a:r>
              <a:rPr lang="da-DK" dirty="0" err="1"/>
              <a:t>viden…tillid</a:t>
            </a:r>
            <a:r>
              <a:rPr lang="da-DK" dirty="0"/>
              <a:t>   krav/valg til dagligt/ ved indkøb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8215314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Vores viden er ikke stor </a:t>
            </a:r>
            <a:r>
              <a:rPr lang="da-DK" dirty="0" err="1"/>
              <a:t>nok…der</a:t>
            </a:r>
            <a:r>
              <a:rPr lang="da-DK" dirty="0"/>
              <a:t> er flere </a:t>
            </a:r>
            <a:r>
              <a:rPr lang="da-DK" dirty="0" err="1"/>
              <a:t>faktore</a:t>
            </a:r>
            <a:r>
              <a:rPr lang="da-DK" dirty="0"/>
              <a:t> end forventet inde over he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2E91502-756A-4244-B8CC-0FD4F7A5EFF5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2963809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Claus nævnte hvad en forskel i dæmpning gør ved kvalitete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0746680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Background">
            <a:extLst>
              <a:ext uri="{FF2B5EF4-FFF2-40B4-BE49-F238E27FC236}">
                <a16:creationId xmlns:a16="http://schemas.microsoft.com/office/drawing/2014/main" id="{24E50DC6-5BA7-4119-B609-D4119B5D5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443163767" name="Logoimage" descr="{&quot;templafy&quot;:{&quot;id&quot;:&quot;b3184cf7-1d35-44e2-a9d7-a8abea6fd30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579384585" name="ExtralogoBottomimage" descr="{&quot;templafy&quot;:{&quot;id&quot;:&quot;bcce677e-fed3-42bc-89ab-616ca3d4f23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275871380" name="ExtralogoTopimage" descr="{&quot;templafy&quot;:{&quot;id&quot;:&quot;8298d1b9-4104-4895-9746-720cbb27d4c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4" name="Virksomhed" descr="{&quot;templafy&quot;:{&quot;id&quot;:&quot;8f9321f9-0bd4-45a5-a64a-e2cfb0444408&quot;}}">
            <a:extLst>
              <a:ext uri="{FF2B5EF4-FFF2-40B4-BE49-F238E27FC236}">
                <a16:creationId xmlns:a16="http://schemas.microsoft.com/office/drawing/2014/main" id="{44DF0A83-9F86-1CD0-16C7-E3EE9D75459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6" name="CenterFreeText" descr="{&quot;templafy&quot;:{&quot;id&quot;:&quot;b6ec9ae4-821e-424e-8b79-d719bd1022ba&quot;}}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9" name="Center" descr="{&quot;templafy&quot;:{&quot;id&quot;:&quot;e1c0573a-b946-44d4-8ea0-78e6598d72d4&quot;}}" hidden="1">
            <a:extLst>
              <a:ext uri="{FF2B5EF4-FFF2-40B4-BE49-F238E27FC236}">
                <a16:creationId xmlns:a16="http://schemas.microsoft.com/office/drawing/2014/main" id="{907C70E1-C840-FC14-EB06-6D851302708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" descr="{&quot;templafy&quot;:{&quot;id&quot;:&quot;c459710d-e9dc-4454-b0f3-1a3bd6081db4&quot;}}">
            <a:extLst>
              <a:ext uri="{FF2B5EF4-FFF2-40B4-BE49-F238E27FC236}">
                <a16:creationId xmlns:a16="http://schemas.microsoft.com/office/drawing/2014/main" id="{DF4D43D3-9595-9AB3-3A78-3FE8A6A03D1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89b08131-6225-49f4-9841-93bc813e042e&quot;}}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c38afb06-4d5c-4f2b-9c66-155cddddd881&quot;}}">
            <a:extLst>
              <a:ext uri="{FF2B5EF4-FFF2-40B4-BE49-F238E27FC236}">
                <a16:creationId xmlns:a16="http://schemas.microsoft.com/office/drawing/2014/main" id="{4A5353DE-D19D-E0C3-72E1-03E7DDE6226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89138"/>
            <a:ext cx="10371275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27125" y="4595449"/>
            <a:ext cx="10371275" cy="110802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A1C0411-5C60-5E7D-355A-F66ABC8FE3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975924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top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Rektangel 19">
            <a:extLst>
              <a:ext uri="{FF2B5EF4-FFF2-40B4-BE49-F238E27FC236}">
                <a16:creationId xmlns:a16="http://schemas.microsoft.com/office/drawing/2014/main" id="{58AE5C97-BDAE-75FA-57FF-4001051496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459007960" name="Logoimage" descr="{&quot;templafy&quot;:{&quot;id&quot;:&quot;8d5926a4-73f3-46a9-985c-f5de763378c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151826397" name="ExtralogoBottomimage" descr="{&quot;templafy&quot;:{&quot;id&quot;:&quot;032dccbd-6f68-4302-82a2-d37b1f4ae52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1" name="Titel" descr="{&quot;templafy&quot;:{&quot;id&quot;:&quot;be3f85c3-da4c-4f24-970f-fb3b833179ae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034203eb-d04b-462a-9b2d-454a0c5f6caa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765fae43-4005-44a4-ac51-5cb4eb4c292d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pic>
        <p:nvPicPr>
          <p:cNvPr id="12798645" name="ExtralogoTopimage" descr="{&quot;templafy&quot;:{&quot;id&quot;:&quot;88507ad3-9fee-48fa-8701-1937ebeb2d4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e2e91edc-ed6e-4af1-8edf-cec21ab0c80c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4" name="CenterFreeText" descr="{&quot;templafy&quot;:{&quot;id&quot;:&quot;6be64239-9ec7-4705-a65c-869e3db4e91c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6c6348e1-26fc-4344-be5c-b9790379447d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4507200"/>
            <a:ext cx="3244825" cy="1422996"/>
          </a:xfrm>
        </p:spPr>
        <p:txBody>
          <a:bodyPr anchor="t" anchorCtr="0"/>
          <a:lstStyle/>
          <a:p>
            <a:r>
              <a:rPr lang="da-DK" dirty="0"/>
              <a:t>Overskrift 28pt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730400" y="4507200"/>
            <a:ext cx="6768000" cy="142299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</p:txBody>
      </p:sp>
      <p:sp>
        <p:nvSpPr>
          <p:cNvPr id="19" name="Pladsholder til billede 2">
            <a:extLst>
              <a:ext uri="{FF2B5EF4-FFF2-40B4-BE49-F238E27FC236}">
                <a16:creationId xmlns:a16="http://schemas.microsoft.com/office/drawing/2014/main" id="{8DA15832-D016-ED2A-1620-ACA407FE9F4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221087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64404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979">
          <p15:clr>
            <a:srgbClr val="A4A3A4"/>
          </p15:clr>
        </p15:guide>
        <p15:guide id="2" pos="275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CF3CB3AF-90BF-908D-D3B8-651E365F3D4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CFDD5364-CBF7-F8A2-3E66-0322B506E5F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195" b="2823"/>
          <a:stretch/>
        </p:blipFill>
        <p:spPr>
          <a:xfrm>
            <a:off x="687389" y="0"/>
            <a:ext cx="11504611" cy="6858000"/>
          </a:xfrm>
          <a:prstGeom prst="rect">
            <a:avLst/>
          </a:prstGeom>
        </p:spPr>
      </p:pic>
      <p:sp>
        <p:nvSpPr>
          <p:cNvPr id="4" name="Ellipse 3">
            <a:extLst>
              <a:ext uri="{FF2B5EF4-FFF2-40B4-BE49-F238E27FC236}">
                <a16:creationId xmlns:a16="http://schemas.microsoft.com/office/drawing/2014/main" id="{382AAC77-9CB6-9BD8-38F8-1B4CB5BEA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67A6D053-93F8-A8F6-1D82-382347079F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pic>
        <p:nvPicPr>
          <p:cNvPr id="529754815" name="Logoimage" descr="{&quot;templafy&quot;:{&quot;id&quot;:&quot;cc50074d-f8f3-47a0-8551-1f3819fb6d3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87389" y="0"/>
            <a:ext cx="11504612" cy="6858000"/>
          </a:xfrm>
        </p:spPr>
        <p:txBody>
          <a:bodyPr tIns="900000" anchor="ctr" anchorCtr="1"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49A5D83B-CF24-8005-22E9-48A20C5CF81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Footer Placeholder 6" hidden="1">
            <a:extLst>
              <a:ext uri="{FF2B5EF4-FFF2-40B4-BE49-F238E27FC236}">
                <a16:creationId xmlns:a16="http://schemas.microsoft.com/office/drawing/2014/main" id="{B3194AA3-25CC-D01A-07CD-90E1E861708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1" name="Slide Number Placeholder 8" hidden="1">
            <a:extLst>
              <a:ext uri="{FF2B5EF4-FFF2-40B4-BE49-F238E27FC236}">
                <a16:creationId xmlns:a16="http://schemas.microsoft.com/office/drawing/2014/main" id="{F946E5BE-4F3F-9AFB-649F-77688E2D881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D395918-A70B-8865-A2E7-130CE3ED9ED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5" t="9372" r="-2" b="6249"/>
          <a:stretch/>
        </p:blipFill>
        <p:spPr>
          <a:xfrm>
            <a:off x="-1509" y="0"/>
            <a:ext cx="12193509" cy="6858000"/>
          </a:xfrm>
          <a:prstGeom prst="rect">
            <a:avLst/>
          </a:prstGeom>
        </p:spPr>
      </p:pic>
      <p:sp>
        <p:nvSpPr>
          <p:cNvPr id="3" name="Ellipse 2">
            <a:extLst>
              <a:ext uri="{FF2B5EF4-FFF2-40B4-BE49-F238E27FC236}">
                <a16:creationId xmlns:a16="http://schemas.microsoft.com/office/drawing/2014/main" id="{10A17E8F-20A3-6F9E-15A3-6B8EE86DCA1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2EFC1BAB-C56C-304E-EAF8-CB742D9ADE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510" y="-4"/>
            <a:ext cx="12192000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900000" anchor="ctr" anchorCtr="0">
            <a:noAutofit/>
          </a:bodyPr>
          <a:lstStyle>
            <a:lvl1pPr marL="0" indent="0" algn="ctr">
              <a:buNone/>
              <a:defRPr sz="22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842389871" name="Logoimage" descr="{&quot;templafy&quot;:{&quot;id&quot;:&quot;9ff626a0-260a-42d5-8685-093df36ce14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168CBB00-DBDA-4CD8-9C6E-1AFB11208C1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79812298" name="Logoimage" descr="{&quot;templafy&quot;:{&quot;id&quot;:&quot;c5514fcc-0e04-46e0-863f-99097088c45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835264819" name="ExtralogoBottomimage" descr="{&quot;templafy&quot;:{&quot;id&quot;:&quot;238b2475-70ef-4b0e-99ae-ef1ec677bd2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738915542" name="ExtralogoTopimage" descr="{&quot;templafy&quot;:{&quot;id&quot;:&quot;c3c3b245-c749-43b5-82f3-3a308cad1af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4d997592-0fa9-40a2-9d76-3bc3e464fe5e&quot;}}">
            <a:extLst>
              <a:ext uri="{FF2B5EF4-FFF2-40B4-BE49-F238E27FC236}">
                <a16:creationId xmlns:a16="http://schemas.microsoft.com/office/drawing/2014/main" id="{E7FAE951-1CCE-D044-A5E5-E865BF1444B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1" name="Titel" descr="{&quot;templafy&quot;:{&quot;id&quot;:&quot;2cc0e4e4-78f3-4e70-9f16-a31de4b27393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15b812c8-40fc-4b47-9313-4c1e364947d0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7723abf5-a3ab-4814-8d96-dd59064f7316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CenterFreeText" descr="{&quot;templafy&quot;:{&quot;id&quot;:&quot;16bdb0ab-63c1-45e7-a871-0a9121092159&quot;}}">
            <a:extLst>
              <a:ext uri="{FF2B5EF4-FFF2-40B4-BE49-F238E27FC236}">
                <a16:creationId xmlns:a16="http://schemas.microsoft.com/office/drawing/2014/main" id="{97D6EBDB-D75D-D78D-8228-03EA9D94DB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cc73106b-3128-4e5d-8460-c7215d7e9448&quot;}}" hidden="1">
            <a:extLst>
              <a:ext uri="{FF2B5EF4-FFF2-40B4-BE49-F238E27FC236}">
                <a16:creationId xmlns:a16="http://schemas.microsoft.com/office/drawing/2014/main" id="{2BAA6C32-C9DF-985E-2528-F4E04E95042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90800"/>
            <a:ext cx="10371275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61CD4B-05ED-D2F2-74A7-8BA4A38C2A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992101395" name="Logoimage" descr="{&quot;templafy&quot;:{&quot;id&quot;:&quot;d74d847a-2fd5-499a-9a8b-fdb94beba65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58343966" name="ExtralogoBottomimage" descr="{&quot;templafy&quot;:{&quot;id&quot;:&quot;864bbcb5-1eed-4d27-9564-684a0e28782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882373603" name="ExtralogoTopimage" descr="{&quot;templafy&quot;:{&quot;id&quot;:&quot;058be0b6-226d-410d-b85f-f81a05bc477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db5d465d-6650-4320-965c-e5943ac76c64&quot;}}">
            <a:extLst>
              <a:ext uri="{FF2B5EF4-FFF2-40B4-BE49-F238E27FC236}">
                <a16:creationId xmlns:a16="http://schemas.microsoft.com/office/drawing/2014/main" id="{0FB369D3-9BCD-F2DA-658F-22E8E2B2622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23" name="Titel" descr="{&quot;templafy&quot;:{&quot;id&quot;:&quot;70673e49-2555-4595-8ed0-9ba157cb4750&quot;}}">
            <a:extLst>
              <a:ext uri="{FF2B5EF4-FFF2-40B4-BE49-F238E27FC236}">
                <a16:creationId xmlns:a16="http://schemas.microsoft.com/office/drawing/2014/main" id="{294AE339-9C4F-DEC4-D1F6-DB15781A718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24" name="Navn" descr="{&quot;templafy&quot;:{&quot;id&quot;:&quot;e4da7c1d-2138-49d1-93f6-2ec0dd499719&quot;}}">
            <a:extLst>
              <a:ext uri="{FF2B5EF4-FFF2-40B4-BE49-F238E27FC236}">
                <a16:creationId xmlns:a16="http://schemas.microsoft.com/office/drawing/2014/main" id="{C17B2358-47B8-DC9E-82CB-0042E1B89A0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25" name="Dato" descr="{&quot;templafy&quot;:{&quot;id&quot;:&quot;cd175b6d-1aee-4e37-9416-b518739f0575&quot;}}">
            <a:extLst>
              <a:ext uri="{FF2B5EF4-FFF2-40B4-BE49-F238E27FC236}">
                <a16:creationId xmlns:a16="http://schemas.microsoft.com/office/drawing/2014/main" id="{DB0E60C3-DDB9-3C1B-73C8-71C0224F67D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CenterFreeText" descr="{&quot;templafy&quot;:{&quot;id&quot;:&quot;9fbdadac-725d-4635-819f-68c7728c0064&quot;}}">
            <a:extLst>
              <a:ext uri="{FF2B5EF4-FFF2-40B4-BE49-F238E27FC236}">
                <a16:creationId xmlns:a16="http://schemas.microsoft.com/office/drawing/2014/main" id="{75808C1F-B29E-DCAE-F288-DEDEA777B2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db4f65ad-18e0-4865-9514-ed420b77d246&quot;}}" hidden="1">
            <a:extLst>
              <a:ext uri="{FF2B5EF4-FFF2-40B4-BE49-F238E27FC236}">
                <a16:creationId xmlns:a16="http://schemas.microsoft.com/office/drawing/2014/main" id="{18229CC5-A723-9F91-A1BA-14078A282E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8E005D95-5BE7-44A6-9245-79D170D3E0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4DB57367-B34F-4F3D-9CB4-5407F22CD54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522E1F5-E5BA-C8B4-49A0-F3BCCB1FEF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47490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tekstspalter - farvet baggrund">
    <p:bg>
      <p:bgPr>
        <a:solidFill>
          <a:schemeClr val="accent4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CADD77DC-6DD3-5A31-B6F3-E13FFBB592E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938947024" name="Logoimage" descr="{&quot;templafy&quot;:{&quot;id&quot;:&quot;f22145b3-33d7-4196-bc4c-c7d3d306f0d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27" name="Titel" descr="{&quot;templafy&quot;:{&quot;id&quot;:&quot;26ab051c-84cc-42d1-86ff-8b5d97c501b8&quot;}}" hidden="1">
            <a:extLst>
              <a:ext uri="{FF2B5EF4-FFF2-40B4-BE49-F238E27FC236}">
                <a16:creationId xmlns:a16="http://schemas.microsoft.com/office/drawing/2014/main" id="{DC35E46B-5B16-BEA1-B3B1-7E8460BC0C6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8" name="Dato" descr="{&quot;templafy&quot;:{&quot;id&quot;:&quot;ffc2db84-6e95-4e90-86ff-cb4ac3cfa690&quot;}}" hidden="1">
            <a:extLst>
              <a:ext uri="{FF2B5EF4-FFF2-40B4-BE49-F238E27FC236}">
                <a16:creationId xmlns:a16="http://schemas.microsoft.com/office/drawing/2014/main" id="{1965E611-DD8D-33B8-5E0B-64588099E32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9" name="Navn" descr="{&quot;templafy&quot;:{&quot;id&quot;:&quot;310e88fd-4ee2-44c5-a1f6-a711dc69a53e&quot;}}">
            <a:extLst>
              <a:ext uri="{FF2B5EF4-FFF2-40B4-BE49-F238E27FC236}">
                <a16:creationId xmlns:a16="http://schemas.microsoft.com/office/drawing/2014/main" id="{0DBE8C23-E89E-0D1C-692A-30291DD521F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3" name="Virksomhed" descr="{&quot;templafy&quot;:{&quot;id&quot;:&quot;bfecab08-9369-44e0-8b3f-8376cb460cf5&quot;}}">
            <a:extLst>
              <a:ext uri="{FF2B5EF4-FFF2-40B4-BE49-F238E27FC236}">
                <a16:creationId xmlns:a16="http://schemas.microsoft.com/office/drawing/2014/main" id="{E305AAB3-E75B-97BF-1BD8-75AD4040EFB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Bispebjerg Hospital</a:t>
            </a:r>
          </a:p>
        </p:txBody>
      </p:sp>
      <p:pic>
        <p:nvPicPr>
          <p:cNvPr id="1487837925" name="ExtraBottomlogoimage" descr="{&quot;templafy&quot;:{&quot;id&quot;:&quot;9a185b54-803a-4123-bf8b-aa5f72d5f16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273200521" name="ExtraToplogoimage" descr="{&quot;templafy&quot;:{&quot;id&quot;:&quot;0b179b7e-f7d0-4483-9409-8c76663addd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a5134f1e-b607-4e7e-b9de-cf5de7853352&quot;}}">
            <a:extLst>
              <a:ext uri="{FF2B5EF4-FFF2-40B4-BE49-F238E27FC236}">
                <a16:creationId xmlns:a16="http://schemas.microsoft.com/office/drawing/2014/main" id="{F8137F2A-7601-FAA5-A638-441CAC43DB3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tx1"/>
              </a:solidFill>
            </a:endParaRPr>
          </a:p>
        </p:txBody>
      </p:sp>
      <p:sp>
        <p:nvSpPr>
          <p:cNvPr id="16" name="Center" descr="{&quot;templafy&quot;:{&quot;id&quot;:&quot;6a580d55-4a90-4edf-9fd5-b6530575aba9&quot;}}" hidden="1">
            <a:extLst>
              <a:ext uri="{FF2B5EF4-FFF2-40B4-BE49-F238E27FC236}">
                <a16:creationId xmlns:a16="http://schemas.microsoft.com/office/drawing/2014/main" id="{6100CD99-E73A-912B-FF74-E4FB4E3AAD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871200"/>
            <a:ext cx="10371275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BCD7A2D-C528-09F0-20C5-6287C49DCE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DD26BB76-CA51-E5DD-A255-A0A0A31F461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7" name="Pladsholder til indhold 3">
            <a:extLst>
              <a:ext uri="{FF2B5EF4-FFF2-40B4-BE49-F238E27FC236}">
                <a16:creationId xmlns:a16="http://schemas.microsoft.com/office/drawing/2014/main" id="{2E634F80-6FE3-DF62-8CD8-2DC2559A16C8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00613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</p:spTree>
    <p:extLst>
      <p:ext uri="{BB962C8B-B14F-4D97-AF65-F5344CB8AC3E}">
        <p14:creationId xmlns:p14="http://schemas.microsoft.com/office/powerpoint/2010/main" val="32096715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 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282397690" name="Logoimage" descr="{&quot;templafy&quot;:{&quot;id&quot;:&quot;2257e31c-77ef-412d-9d37-f5c14d34907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472932373" name="ExtralogoBottomimage" descr="{&quot;templafy&quot;:{&quot;id&quot;:&quot;1b26babe-a053-4044-817d-edd11667966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638667670" name="ExtralogoTopimage" descr="{&quot;templafy&quot;:{&quot;id&quot;:&quot;203b03d4-a9ef-470a-8e81-61111dc0564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cc2d4f0f-ea28-4239-be55-7d505ea6ded3&quot;}}">
            <a:extLst>
              <a:ext uri="{FF2B5EF4-FFF2-40B4-BE49-F238E27FC236}">
                <a16:creationId xmlns:a16="http://schemas.microsoft.com/office/drawing/2014/main" id="{DF71BBB0-C73F-872B-2579-3887B40AC69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0" name="Titel" descr="{&quot;templafy&quot;:{&quot;id&quot;:&quot;0bfc9558-f0ab-44d3-9d67-50ae8f730592&quot;}}">
            <a:extLst>
              <a:ext uri="{FF2B5EF4-FFF2-40B4-BE49-F238E27FC236}">
                <a16:creationId xmlns:a16="http://schemas.microsoft.com/office/drawing/2014/main" id="{E011F6EF-9285-EE1F-E3AE-A25E66535DB6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80b19425-87bf-4ce8-81fe-acda0ee6bd24&quot;}}">
            <a:extLst>
              <a:ext uri="{FF2B5EF4-FFF2-40B4-BE49-F238E27FC236}">
                <a16:creationId xmlns:a16="http://schemas.microsoft.com/office/drawing/2014/main" id="{19597770-8C61-6EDD-1A3F-60F7871D65F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2" name="Dato" descr="{&quot;templafy&quot;:{&quot;id&quot;:&quot;3faec6bb-6fd2-4ef4-bb49-99eb0872863e&quot;}}">
            <a:extLst>
              <a:ext uri="{FF2B5EF4-FFF2-40B4-BE49-F238E27FC236}">
                <a16:creationId xmlns:a16="http://schemas.microsoft.com/office/drawing/2014/main" id="{36B6A311-0DEE-D2F6-45DE-AD5FCB8DC9F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bd9a47a5-5059-46a3-80cf-eebb1045125e&quot;}}">
            <a:extLst>
              <a:ext uri="{FF2B5EF4-FFF2-40B4-BE49-F238E27FC236}">
                <a16:creationId xmlns:a16="http://schemas.microsoft.com/office/drawing/2014/main" id="{20904CD1-6F68-5B4E-E10A-CB381C30BFD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4" name="Center" descr="{&quot;templafy&quot;:{&quot;id&quot;:&quot;dcd75dec-16d1-49a7-8070-aabdd07d170f&quot;}}" hidden="1">
            <a:extLst>
              <a:ext uri="{FF2B5EF4-FFF2-40B4-BE49-F238E27FC236}">
                <a16:creationId xmlns:a16="http://schemas.microsoft.com/office/drawing/2014/main" id="{F65B4CA0-F756-7944-D523-961E83DA5E1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5005388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27126" y="1990800"/>
            <a:ext cx="5005388" cy="3708000"/>
          </a:xfrm>
        </p:spPr>
        <p:txBody>
          <a:bodyPr/>
          <a:lstStyle>
            <a:lvl1pPr marL="270000" indent="-270000">
              <a:defRPr baseline="0">
                <a:solidFill>
                  <a:schemeClr val="tx1"/>
                </a:solidFill>
              </a:defRPr>
            </a:lvl1pPr>
            <a:lvl2pPr marL="630000" indent="-270000">
              <a:defRPr>
                <a:solidFill>
                  <a:schemeClr val="tx1"/>
                </a:solidFill>
              </a:defRPr>
            </a:lvl2pPr>
            <a:lvl3pPr marL="936000" indent="-234000">
              <a:defRPr>
                <a:solidFill>
                  <a:schemeClr val="tx1"/>
                </a:solidFill>
              </a:defRPr>
            </a:lvl3pPr>
            <a:lvl4pPr marL="1296000" indent="-216000">
              <a:defRPr>
                <a:solidFill>
                  <a:schemeClr val="tx1"/>
                </a:solidFill>
              </a:defRPr>
            </a:lvl4pPr>
            <a:lvl5pPr marL="1656000" indent="-216000">
              <a:defRPr>
                <a:solidFill>
                  <a:schemeClr val="tx1"/>
                </a:solidFill>
              </a:defRPr>
            </a:lvl5pPr>
            <a:lvl6pPr marL="1818000" indent="0">
              <a:buNone/>
              <a:defRPr>
                <a:solidFill>
                  <a:schemeClr val="tx1"/>
                </a:solidFill>
              </a:defRPr>
            </a:lvl6pPr>
            <a:lvl7pPr marL="2178000" indent="0">
              <a:buNone/>
              <a:defRPr>
                <a:solidFill>
                  <a:schemeClr val="tx1"/>
                </a:solidFill>
              </a:defRPr>
            </a:lvl7pPr>
            <a:lvl8pPr marL="2538000" indent="0">
              <a:buNone/>
              <a:defRPr>
                <a:solidFill>
                  <a:schemeClr val="tx1"/>
                </a:solidFill>
              </a:defRPr>
            </a:lvl8pPr>
            <a:lvl9pPr marL="2538000" indent="0"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8"/>
            <a:endParaRPr lang="da-DK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900000" bIns="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0D91626-5CE5-262B-2D03-BBA2C05D877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151190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14026920" name="Logoimage" descr="{&quot;templafy&quot;:{&quot;id&quot;:&quot;750f77fe-e850-4f75-b7a4-18202a795c4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965011088" name="ExtralogoTopimage" descr="{&quot;templafy&quot;:{&quot;id&quot;:&quot;3b73d3a2-67a5-49a5-a48b-396bbe553b8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027857617" name="ExtralogoBottomimage" descr="{&quot;templafy&quot;:{&quot;id&quot;:&quot;0a425368-2671-4530-81b8-3bfd62a6e60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8" name="Virksomhed" descr="{&quot;templafy&quot;:{&quot;id&quot;:&quot;1c9c3d33-39ee-4ba1-a7e5-6df27796d3c8&quot;}}">
            <a:extLst>
              <a:ext uri="{FF2B5EF4-FFF2-40B4-BE49-F238E27FC236}">
                <a16:creationId xmlns:a16="http://schemas.microsoft.com/office/drawing/2014/main" id="{B392F202-0E27-8777-890A-4BCF8094921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Titel" descr="{&quot;templafy&quot;:{&quot;id&quot;:&quot;7b206b9f-af42-4e55-8c53-628a5248df68&quot;}}">
            <a:extLst>
              <a:ext uri="{FF2B5EF4-FFF2-40B4-BE49-F238E27FC236}">
                <a16:creationId xmlns:a16="http://schemas.microsoft.com/office/drawing/2014/main" id="{651D6CA8-B6F1-3799-7F00-8456219A908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e0758f83-5b3c-40f1-9399-039fe5cae4ac&quot;}}">
            <a:extLst>
              <a:ext uri="{FF2B5EF4-FFF2-40B4-BE49-F238E27FC236}">
                <a16:creationId xmlns:a16="http://schemas.microsoft.com/office/drawing/2014/main" id="{2339CBE2-F71F-132D-7F48-32D3BF8CA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4" name="Dato" descr="{&quot;templafy&quot;:{&quot;id&quot;:&quot;e997cc6f-13eb-443d-bdd0-80f90c948e1b&quot;}}">
            <a:extLst>
              <a:ext uri="{FF2B5EF4-FFF2-40B4-BE49-F238E27FC236}">
                <a16:creationId xmlns:a16="http://schemas.microsoft.com/office/drawing/2014/main" id="{968B9867-07C7-D56E-45C2-24AA50BFB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5" name="CenterFreeText" descr="{&quot;templafy&quot;:{&quot;id&quot;:&quot;99d38e34-c999-4ec0-b0ce-91eed92772e2&quot;}}">
            <a:extLst>
              <a:ext uri="{FF2B5EF4-FFF2-40B4-BE49-F238E27FC236}">
                <a16:creationId xmlns:a16="http://schemas.microsoft.com/office/drawing/2014/main" id="{E0B57D99-E147-D482-C490-B5FEAD622B1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6" name="Center" descr="{&quot;templafy&quot;:{&quot;id&quot;:&quot;bf38fb5a-9255-4cdb-8485-0984fc92b609&quot;}}" hidden="1">
            <a:extLst>
              <a:ext uri="{FF2B5EF4-FFF2-40B4-BE49-F238E27FC236}">
                <a16:creationId xmlns:a16="http://schemas.microsoft.com/office/drawing/2014/main" id="{4ECF457C-BCB3-A46C-26AB-05547CA4F54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699200"/>
            <a:ext cx="10371275" cy="828000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27126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27125" y="3747600"/>
            <a:ext cx="500400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58E4D84-1001-18C0-92D5-2BCBD8903E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750934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880975415" name="ExtralogoTopimage" descr="{&quot;templafy&quot;:{&quot;id&quot;:&quot;3aa02ef1-1442-4abc-9e7d-5e280016147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836496689" name="ExtralogoBottomimage" descr="{&quot;templafy&quot;:{&quot;id&quot;:&quot;e3de70f2-8c3c-4973-947f-f1ce48c08e7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0" name="Titel" descr="{&quot;templafy&quot;:{&quot;id&quot;:&quot;105812ba-3ae4-4856-94c1-2857b2e65e97&quot;}}">
            <a:extLst>
              <a:ext uri="{FF2B5EF4-FFF2-40B4-BE49-F238E27FC236}">
                <a16:creationId xmlns:a16="http://schemas.microsoft.com/office/drawing/2014/main" id="{5233E184-459D-75ED-9991-496EA25C2E6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181a657e-9e47-4bba-8ef2-8ae5538e2b63&quot;}}">
            <a:extLst>
              <a:ext uri="{FF2B5EF4-FFF2-40B4-BE49-F238E27FC236}">
                <a16:creationId xmlns:a16="http://schemas.microsoft.com/office/drawing/2014/main" id="{00617ADF-C1D2-1B95-D51C-4DB7A2A7431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2" name="Dato" descr="{&quot;templafy&quot;:{&quot;id&quot;:&quot;db2d3f2c-2fa7-44fa-bc93-ba97440eb020&quot;}}">
            <a:extLst>
              <a:ext uri="{FF2B5EF4-FFF2-40B4-BE49-F238E27FC236}">
                <a16:creationId xmlns:a16="http://schemas.microsoft.com/office/drawing/2014/main" id="{C6DE31FA-BAC9-F5B8-A779-A0015AD37F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6CAB180-EBD6-93D3-6B28-93036C5B97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700991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Slide Number Placeholder 6">
            <a:extLst>
              <a:ext uri="{FF2B5EF4-FFF2-40B4-BE49-F238E27FC236}">
                <a16:creationId xmlns:a16="http://schemas.microsoft.com/office/drawing/2014/main" id="{83F8E170-69DF-4972-9F60-F68F14D60D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08895393" name="ExtralogoBottomimage" descr="{&quot;templafy&quot;:{&quot;id&quot;:&quot;e7b22b68-0b9e-492f-b27b-1f6ceb70057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712311069" name="ExtralogoTopimage" descr="{&quot;templafy&quot;:{&quot;id&quot;:&quot;5203ed9c-8624-4e5d-a99d-1c576f24d1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bfb41c08-5f68-43d5-8362-3d0b8d9a237a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600502e4-d7a3-4b5c-9036-0e723dc21068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2161cff7-e732-4c45-ba84-0ea617a5f099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807949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">
            <a:extLst>
              <a:ext uri="{FF2B5EF4-FFF2-40B4-BE49-F238E27FC236}">
                <a16:creationId xmlns:a16="http://schemas.microsoft.com/office/drawing/2014/main" id="{30FDFCA5-769A-03D9-8D57-051DA19D2F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10" name="Dato">
            <a:extLst>
              <a:ext uri="{FF2B5EF4-FFF2-40B4-BE49-F238E27FC236}">
                <a16:creationId xmlns:a16="http://schemas.microsoft.com/office/drawing/2014/main" id="{1E512A54-83E1-61C2-C416-D88B731530A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pic>
        <p:nvPicPr>
          <p:cNvPr id="1747024250" name="Logoimage" descr="{&quot;templafy&quot;:{&quot;id&quot;:&quot;45befa23-a506-4af9-b0c5-5818e75bd2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004174671" name="ExtralogoBottomimage" descr="{&quot;templafy&quot;:{&quot;id&quot;:&quot;0b1969c3-c930-4cbc-93b7-03c77a1b691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590573593" name="ExtralogoTopimage" descr="{&quot;templafy&quot;:{&quot;id&quot;:&quot;75eecafd-4be7-4d5b-af21-f8e75a75d21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130a9f65-72da-46fa-9e6e-886b607289e9&quot;}}">
            <a:extLst>
              <a:ext uri="{FF2B5EF4-FFF2-40B4-BE49-F238E27FC236}">
                <a16:creationId xmlns:a16="http://schemas.microsoft.com/office/drawing/2014/main" id="{4C8B9C52-5E61-26E2-7752-AA8ECBDB6F34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4598ec7b-6daa-43fb-a0c2-a509863d15a9&quot;}}">
            <a:extLst>
              <a:ext uri="{FF2B5EF4-FFF2-40B4-BE49-F238E27FC236}">
                <a16:creationId xmlns:a16="http://schemas.microsoft.com/office/drawing/2014/main" id="{D259977B-E08A-8DF3-6E8E-7C57AFD486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8561d551-2abd-4ae9-a693-e1138f4e9cac&quot;}}">
            <a:extLst>
              <a:ext uri="{FF2B5EF4-FFF2-40B4-BE49-F238E27FC236}">
                <a16:creationId xmlns:a16="http://schemas.microsoft.com/office/drawing/2014/main" id="{6FFEEA08-0860-E6BC-452F-1A5E74ED0CB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CenterFreeText" descr="{&quot;templafy&quot;:{&quot;id&quot;:&quot;2bf0de8a-1fc5-4281-867c-139cd366898d&quot;}}">
            <a:extLst>
              <a:ext uri="{FF2B5EF4-FFF2-40B4-BE49-F238E27FC236}">
                <a16:creationId xmlns:a16="http://schemas.microsoft.com/office/drawing/2014/main" id="{907DF260-024D-3D30-B302-DFEBAA33423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4" name="Center" descr="{&quot;templafy&quot;:{&quot;id&quot;:&quot;c36cff34-b21f-4da0-8bdf-657f5be6ef76&quot;}}" hidden="1">
            <a:extLst>
              <a:ext uri="{FF2B5EF4-FFF2-40B4-BE49-F238E27FC236}">
                <a16:creationId xmlns:a16="http://schemas.microsoft.com/office/drawing/2014/main" id="{6D6FD68E-FB65-4475-5C37-6433AF7062A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5" name="Virksomhed" descr="{&quot;templafy&quot;:{&quot;id&quot;:&quot;ba1f5a21-5366-4fc3-a95a-109c248d56ff&quot;}}">
            <a:extLst>
              <a:ext uri="{FF2B5EF4-FFF2-40B4-BE49-F238E27FC236}">
                <a16:creationId xmlns:a16="http://schemas.microsoft.com/office/drawing/2014/main" id="{AE40CD7D-1680-5D21-FB55-DCF9B78C0C7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3B42D70-D59C-2FA4-CA43-5543710295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835854"/>
            <a:ext cx="12192000" cy="3545147"/>
          </a:xfrm>
          <a:prstGeom prst="rect">
            <a:avLst/>
          </a:prstGeom>
        </p:spPr>
      </p:pic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4669163"/>
            <a:ext cx="10371275" cy="1028375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8" name="Pladsholder til billede 5">
            <a:extLst>
              <a:ext uri="{FF2B5EF4-FFF2-40B4-BE49-F238E27FC236}">
                <a16:creationId xmlns:a16="http://schemas.microsoft.com/office/drawing/2014/main" id="{8737F8AC-7DB9-0C6B-6F24-28C5D7ADB4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36545"/>
            <a:ext cx="12192000" cy="3546956"/>
          </a:xfrm>
        </p:spPr>
        <p:txBody>
          <a:bodyPr tIns="900000" anchor="ctr" anchorCtr="1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E12B3B7B-B901-C646-1EEB-3968748BD9B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726574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É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" hidden="1">
            <a:extLst>
              <a:ext uri="{FF2B5EF4-FFF2-40B4-BE49-F238E27FC236}">
                <a16:creationId xmlns:a16="http://schemas.microsoft.com/office/drawing/2014/main" id="{E9AB7E8A-3902-63AB-0F23-C20AA8BB7C2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9" name="Dato" hidden="1">
            <a:extLst>
              <a:ext uri="{FF2B5EF4-FFF2-40B4-BE49-F238E27FC236}">
                <a16:creationId xmlns:a16="http://schemas.microsoft.com/office/drawing/2014/main" id="{F5A73DD7-44FA-3E46-24CD-2153A338123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35942077" name="Logoimage" descr="{&quot;templafy&quot;:{&quot;id&quot;:&quot;06695ac4-37b7-4c93-966a-87703e7ab1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638075765" name="ExtralogoBottomimage" descr="{&quot;templafy&quot;:{&quot;id&quot;:&quot;c4459325-7b2f-4659-82f6-583a000ecf1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922352800" name="ExtralogoTopimage" descr="{&quot;templafy&quot;:{&quot;id&quot;:&quot;3dd1391e-b326-42c1-ad30-c4b7dd65133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8" name="Virksomhed" descr="{&quot;templafy&quot;:{&quot;id&quot;:&quot;69df8723-c428-4562-89ef-5b87a2f96a43&quot;}}">
            <a:extLst>
              <a:ext uri="{FF2B5EF4-FFF2-40B4-BE49-F238E27FC236}">
                <a16:creationId xmlns:a16="http://schemas.microsoft.com/office/drawing/2014/main" id="{7402D21C-A72A-119A-5A49-5B89CDAD2A2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Titel" descr="{&quot;templafy&quot;:{&quot;id&quot;:&quot;c567b9e8-a083-49fb-a902-c2c22bf16be0&quot;}}">
            <a:extLst>
              <a:ext uri="{FF2B5EF4-FFF2-40B4-BE49-F238E27FC236}">
                <a16:creationId xmlns:a16="http://schemas.microsoft.com/office/drawing/2014/main" id="{AECAD273-CC76-400F-E654-CD34991C557B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ba7bc7b1-c866-40f4-8e5f-09173b5bb428&quot;}}">
            <a:extLst>
              <a:ext uri="{FF2B5EF4-FFF2-40B4-BE49-F238E27FC236}">
                <a16:creationId xmlns:a16="http://schemas.microsoft.com/office/drawing/2014/main" id="{530754C7-7382-2C4B-DBA5-28B1789A6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4" name="Dato" descr="{&quot;templafy&quot;:{&quot;id&quot;:&quot;ac1be70c-2d00-457e-b802-742e61ba6906&quot;}}">
            <a:extLst>
              <a:ext uri="{FF2B5EF4-FFF2-40B4-BE49-F238E27FC236}">
                <a16:creationId xmlns:a16="http://schemas.microsoft.com/office/drawing/2014/main" id="{27CB55CB-A90C-33C8-AB95-CFD9DF73188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7" name="CenterFreeText" descr="{&quot;templafy&quot;:{&quot;id&quot;:&quot;aec96cc8-20de-47b2-a974-b5a11e33aad9&quot;}}">
            <a:extLst>
              <a:ext uri="{FF2B5EF4-FFF2-40B4-BE49-F238E27FC236}">
                <a16:creationId xmlns:a16="http://schemas.microsoft.com/office/drawing/2014/main" id="{3ECD29F8-90E2-D6ED-5E55-66EEF55974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32ff570a-d010-4e6f-b7ef-53b90b73c864&quot;}}" hidden="1">
            <a:extLst>
              <a:ext uri="{FF2B5EF4-FFF2-40B4-BE49-F238E27FC236}">
                <a16:creationId xmlns:a16="http://schemas.microsoft.com/office/drawing/2014/main" id="{61DB617C-0769-BCA8-9610-FF7B75B654F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lnSpc>
                <a:spcPct val="85000"/>
              </a:lnSpc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A5166-5C3A-4087-CB96-55F6CE4EE9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10997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4E2B544D-C764-496F-9EE3-CAD342BB4A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001018135" name="Logoimage" descr="{&quot;templafy&quot;:{&quot;id&quot;:&quot;cce079e5-77a9-4dbb-8eaa-7bf1a9900d0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091881406" name="ExtralogoBottomimage" descr="{&quot;templafy&quot;:{&quot;id&quot;:&quot;288b02f5-55c8-40d3-8564-1c956f3af00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984431527" name="ExtralogoTopimage" descr="{&quot;templafy&quot;:{&quot;id&quot;:&quot;ad1c6de9-3ee0-491b-a06a-20beafcad4d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9" name="Virksomhed" descr="{&quot;templafy&quot;:{&quot;id&quot;:&quot;88687cc3-9cd3-412f-8e86-7fa90f60e486&quot;}}">
            <a:extLst>
              <a:ext uri="{FF2B5EF4-FFF2-40B4-BE49-F238E27FC236}">
                <a16:creationId xmlns:a16="http://schemas.microsoft.com/office/drawing/2014/main" id="{096A4956-C3DA-677E-8A5D-E114BBD7A03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3" name="Titel" descr="{&quot;templafy&quot;:{&quot;id&quot;:&quot;5e1ef41c-811a-43fa-a752-3ad18bd15771&quot;}}">
            <a:extLst>
              <a:ext uri="{FF2B5EF4-FFF2-40B4-BE49-F238E27FC236}">
                <a16:creationId xmlns:a16="http://schemas.microsoft.com/office/drawing/2014/main" id="{E540840C-DF6F-F6A3-8AA9-F3D24AAE030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4" name="Navn" descr="{&quot;templafy&quot;:{&quot;id&quot;:&quot;8939c764-f8fe-4223-b2f9-c8c0f92f46e7&quot;}}">
            <a:extLst>
              <a:ext uri="{FF2B5EF4-FFF2-40B4-BE49-F238E27FC236}">
                <a16:creationId xmlns:a16="http://schemas.microsoft.com/office/drawing/2014/main" id="{8921EA11-4BE7-ACD7-E1DF-415FB777F6C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5" name="Dato" descr="{&quot;templafy&quot;:{&quot;id&quot;:&quot;966a06d9-7c37-48af-8dc1-882008201aba&quot;}}">
            <a:extLst>
              <a:ext uri="{FF2B5EF4-FFF2-40B4-BE49-F238E27FC236}">
                <a16:creationId xmlns:a16="http://schemas.microsoft.com/office/drawing/2014/main" id="{8C1D7A74-0007-DCA4-72C3-B32C9BA5984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CenterFreeText" descr="{&quot;templafy&quot;:{&quot;id&quot;:&quot;202471e0-f238-4d59-b92b-bf4b51df8794&quot;}}">
            <a:extLst>
              <a:ext uri="{FF2B5EF4-FFF2-40B4-BE49-F238E27FC236}">
                <a16:creationId xmlns:a16="http://schemas.microsoft.com/office/drawing/2014/main" id="{029D1C94-E9A0-055F-FC60-5357C133711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6" name="Center" descr="{&quot;templafy&quot;:{&quot;id&quot;:&quot;f0ee0263-d094-46a2-b848-e65cce5ebdbf&quot;}}" hidden="1">
            <a:extLst>
              <a:ext uri="{FF2B5EF4-FFF2-40B4-BE49-F238E27FC236}">
                <a16:creationId xmlns:a16="http://schemas.microsoft.com/office/drawing/2014/main" id="{AB963842-5979-0D2F-5B98-5EFB1C3888F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27126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093252F-E572-015C-6516-C605E28DB4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44504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Placeholder 3" hidden="1">
            <a:extLst>
              <a:ext uri="{FF2B5EF4-FFF2-40B4-BE49-F238E27FC236}">
                <a16:creationId xmlns:a16="http://schemas.microsoft.com/office/drawing/2014/main" id="{1FA1019E-E4A6-F017-D22C-7EA82B36E9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8" name="Date Placeholder 4" hidden="1">
            <a:extLst>
              <a:ext uri="{FF2B5EF4-FFF2-40B4-BE49-F238E27FC236}">
                <a16:creationId xmlns:a16="http://schemas.microsoft.com/office/drawing/2014/main" id="{3915DFF8-A0B1-A68F-EA50-E9722FA9BCB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9" name="Rektangel 19">
            <a:extLst>
              <a:ext uri="{FF2B5EF4-FFF2-40B4-BE49-F238E27FC236}">
                <a16:creationId xmlns:a16="http://schemas.microsoft.com/office/drawing/2014/main" id="{29413298-8523-18A7-DC35-1D3D141EC5D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55036985" name="Logoimage" descr="{&quot;templafy&quot;:{&quot;id&quot;:&quot;58c81c42-3f55-44f9-9f81-83b80982ea6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3e05a794-c096-480b-ba07-18e88e6fa018&quot;}}">
            <a:extLst>
              <a:ext uri="{FF2B5EF4-FFF2-40B4-BE49-F238E27FC236}">
                <a16:creationId xmlns:a16="http://schemas.microsoft.com/office/drawing/2014/main" id="{6E4177D0-4ECE-5C88-3CD9-7D2BFE07B0E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5" name="CenterFreeText" descr="{&quot;templafy&quot;:{&quot;id&quot;:&quot;92fcda93-bb14-4261-9599-b40fb9d89e3a&quot;}}">
            <a:extLst>
              <a:ext uri="{FF2B5EF4-FFF2-40B4-BE49-F238E27FC236}">
                <a16:creationId xmlns:a16="http://schemas.microsoft.com/office/drawing/2014/main" id="{01CB1B7D-78A2-0E38-CFA0-5CD8704FF68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6" name="Center" descr="{&quot;templafy&quot;:{&quot;id&quot;:&quot;66a2485e-cc64-4b4b-9510-46e84c3a5169&quot;}}" hidden="1">
            <a:extLst>
              <a:ext uri="{FF2B5EF4-FFF2-40B4-BE49-F238E27FC236}">
                <a16:creationId xmlns:a16="http://schemas.microsoft.com/office/drawing/2014/main" id="{675E03B9-58B8-50D7-EA99-F55BAB38154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2145885478" name="ExtralogoTopimage" descr="{&quot;templafy&quot;:{&quot;id&quot;:&quot;814ecafb-8220-43cc-b083-8a0c59bfba7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73055629" name="ExtralogoBottomimage" descr="{&quot;templafy&quot;:{&quot;id&quot;:&quot;710c51d3-a9b4-41e4-bada-5795b99e993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2" name="Titel" descr="{&quot;templafy&quot;:{&quot;id&quot;:&quot;bc2461c2-3d32-49ac-973a-d4726bb05258&quot;}}">
            <a:extLst>
              <a:ext uri="{FF2B5EF4-FFF2-40B4-BE49-F238E27FC236}">
                <a16:creationId xmlns:a16="http://schemas.microsoft.com/office/drawing/2014/main" id="{390EF528-08DA-F48D-6792-7556302B9D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4c6e3120-5a34-4e34-959a-d96595cca4ec&quot;}}">
            <a:extLst>
              <a:ext uri="{FF2B5EF4-FFF2-40B4-BE49-F238E27FC236}">
                <a16:creationId xmlns:a16="http://schemas.microsoft.com/office/drawing/2014/main" id="{FC70ECC4-F086-4338-54CC-B924F0AD4CF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4" name="Dato" descr="{&quot;templafy&quot;:{&quot;id&quot;:&quot;1ede6920-966d-4f33-b5ac-2d12ce469361&quot;}}">
            <a:extLst>
              <a:ext uri="{FF2B5EF4-FFF2-40B4-BE49-F238E27FC236}">
                <a16:creationId xmlns:a16="http://schemas.microsoft.com/office/drawing/2014/main" id="{435EFA30-834E-5872-DC4D-0C66F0CBD6F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5706F69D-D578-9942-BE77-6C6868C8C2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3535F46E-4C71-DB2B-F6F1-3B9D207067F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6" y="1989138"/>
            <a:ext cx="3214800" cy="3708400"/>
          </a:xfrm>
        </p:spPr>
        <p:txBody>
          <a:bodyPr vert="horz" lIns="0" tIns="0" rIns="0" bIns="0" rtlCol="0">
            <a:noAutofit/>
          </a:bodyPr>
          <a:lstStyle>
            <a:lvl1pPr marL="126000" indent="-126000">
              <a:defRPr lang="da-DK" sz="1800" noProof="0" dirty="0"/>
            </a:lvl1pPr>
            <a:lvl2pPr marL="450000" indent="-108000">
              <a:defRPr lang="da-DK" sz="1600" noProof="0" dirty="0"/>
            </a:lvl2pPr>
            <a:lvl3pPr marL="810000" indent="-108000">
              <a:defRPr lang="da-DK" sz="1400" noProof="0" dirty="0"/>
            </a:lvl3pPr>
            <a:lvl4pPr marL="1152000" indent="-90000">
              <a:defRPr lang="da-DK" sz="1200" noProof="0" dirty="0"/>
            </a:lvl4pPr>
            <a:lvl5pPr marL="1512000" indent="-90000">
              <a:defRPr lang="da-DK" sz="1000" noProof="0" dirty="0"/>
            </a:lvl5pPr>
            <a:lvl6pPr marL="1872000">
              <a:defRPr lang="da-DK" sz="1000" noProof="0" dirty="0"/>
            </a:lvl6pPr>
            <a:lvl7pPr marL="2232000">
              <a:defRPr lang="da-DK" sz="1000" noProof="0" dirty="0"/>
            </a:lvl7pPr>
            <a:lvl8pPr marL="2592000">
              <a:defRPr lang="da-DK" sz="1000" noProof="0" dirty="0"/>
            </a:lvl8pPr>
            <a:lvl9pPr marL="2952000">
              <a:defRPr lang="da-DK" sz="1000" noProof="0" dirty="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49E6F244-DD0A-5385-CD38-6B185CA84A8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7055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F2C22B-7939-93E1-838F-A77CA8AC59F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839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1797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734">
          <p15:clr>
            <a:srgbClr val="A4A3A4"/>
          </p15:clr>
        </p15:guide>
        <p15:guide id="3" pos="2963">
          <p15:clr>
            <a:srgbClr val="A4A3A4"/>
          </p15:clr>
        </p15:guide>
        <p15:guide id="4" pos="4988">
          <p15:clr>
            <a:srgbClr val="A4A3A4"/>
          </p15:clr>
        </p15:guide>
        <p15:guide id="5" pos="5215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3" hidden="1">
            <a:extLst>
              <a:ext uri="{FF2B5EF4-FFF2-40B4-BE49-F238E27FC236}">
                <a16:creationId xmlns:a16="http://schemas.microsoft.com/office/drawing/2014/main" id="{D6E8FA21-6E2F-6595-2596-174E419CD57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Date Placeholder 4" hidden="1">
            <a:extLst>
              <a:ext uri="{FF2B5EF4-FFF2-40B4-BE49-F238E27FC236}">
                <a16:creationId xmlns:a16="http://schemas.microsoft.com/office/drawing/2014/main" id="{E99B5C91-2C19-9947-3DA4-3BA27332281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93E31414-1225-47F8-9252-4C3DEBA2397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79029745" name="Logoimage" descr="{&quot;templafy&quot;:{&quot;id&quot;:&quot;c6cd33db-a7a5-4b6d-8983-81fd84348ed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46d5e160-4639-40ac-bde9-6b9bd0766779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CenterFreeText" descr="{&quot;templafy&quot;:{&quot;id&quot;:&quot;93a07778-984e-4624-b04d-33c511bf2ada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2d802238-ecb8-463a-957a-dc6855e98276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306753079" name="ExtralogoTopimage" descr="{&quot;templafy&quot;:{&quot;id&quot;:&quot;61d6fc60-f8c0-461f-b9db-c786472ba30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2029139321" name="ExtralogoBottomimage" descr="{&quot;templafy&quot;:{&quot;id&quot;:&quot;562ab6bf-73b2-4667-8854-631d3ab067a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059d170c-8f3a-48dd-a9ef-7798795383c6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14386fcb-3cd5-4d4d-a856-4e4b29ce4d96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9" name="Dato" descr="{&quot;templafy&quot;:{&quot;id&quot;:&quot;b5ede55f-5542-4a80-a72b-f00854415b31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4309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spalter - billede &amp;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ooter Placeholder 3" hidden="1">
            <a:extLst>
              <a:ext uri="{FF2B5EF4-FFF2-40B4-BE49-F238E27FC236}">
                <a16:creationId xmlns:a16="http://schemas.microsoft.com/office/drawing/2014/main" id="{A0298306-FEFE-FC79-BDB9-82F08009AF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23" name="Date Placeholder 4" hidden="1">
            <a:extLst>
              <a:ext uri="{FF2B5EF4-FFF2-40B4-BE49-F238E27FC236}">
                <a16:creationId xmlns:a16="http://schemas.microsoft.com/office/drawing/2014/main" id="{C513C651-498D-86FD-657D-5909DA7ABB5F}"/>
              </a:ext>
            </a:extLst>
          </p:cNvPr>
          <p:cNvSpPr>
            <a:spLocks noGrp="1"/>
          </p:cNvSpPr>
          <p:nvPr>
            <p:ph type="dt" sz="half" idx="26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4" name="Rektangel 19">
            <a:extLst>
              <a:ext uri="{FF2B5EF4-FFF2-40B4-BE49-F238E27FC236}">
                <a16:creationId xmlns:a16="http://schemas.microsoft.com/office/drawing/2014/main" id="{A546CCD1-DD8D-BDB4-0758-7C786C6313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668347650" name="Logoimage" descr="{&quot;templafy&quot;:{&quot;id&quot;:&quot;724dfe8f-3213-44f6-9671-dd9f6ac4f7b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a001fba6-ab9f-44db-a247-330ac5ee69d7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CenterFreeText" descr="{&quot;templafy&quot;:{&quot;id&quot;:&quot;fff27890-3447-484f-9cf2-34803fd4908d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3" name="Center" descr="{&quot;templafy&quot;:{&quot;id&quot;:&quot;381cc29a-e052-4fdd-94e4-4e98cfcdaf27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919684903" name="ExtralogoTopimage" descr="{&quot;templafy&quot;:{&quot;id&quot;:&quot;3584d28c-cfac-42af-99ec-0c4a6b118a5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296931114" name="ExtralogoBottomimage" descr="{&quot;templafy&quot;:{&quot;id&quot;:&quot;a5e5065f-0366-4307-b9b4-963eeb795d3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8caaf36d-8d77-47e3-b9ab-235ad5f44e06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5ad4aa97-eba5-410d-af3e-820654fdbc64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9" name="Dato" descr="{&quot;templafy&quot;:{&quot;id&quot;:&quot;6ffc37e5-be5d-4947-8669-1e47a1910da0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" name="Pladsholder til billede 2">
            <a:extLst>
              <a:ext uri="{FF2B5EF4-FFF2-40B4-BE49-F238E27FC236}">
                <a16:creationId xmlns:a16="http://schemas.microsoft.com/office/drawing/2014/main" id="{8B1C1857-CF7F-4FB3-D4BA-AD6EF25A5FF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127124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7" name="Pladsholder til billede 3">
            <a:extLst>
              <a:ext uri="{FF2B5EF4-FFF2-40B4-BE49-F238E27FC236}">
                <a16:creationId xmlns:a16="http://schemas.microsoft.com/office/drawing/2014/main" id="{2ECD75EE-FA66-41A2-A757-AB1AFB1015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810323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54F2624D-77EB-CC8D-8E80-D062C6AE711A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1288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CF000555-F63D-737C-05B0-6D976BDBCC1C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175750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50410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0307BEAD-FDC0-4FB2-B49D-C1D92AB629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934850717" name="Logoimage" descr="{&quot;templafy&quot;:{&quot;id&quot;:&quot;9e0e4b89-e229-41b4-8186-62a8b7b7c66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97572314" name="ExtralogoBottomimage" descr="{&quot;templafy&quot;:{&quot;id&quot;:&quot;7d4e4780-d87a-4846-a786-ffa0ddcd0ef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513418171" name="ExtralogoTopimage" descr="{&quot;templafy&quot;:{&quot;id&quot;:&quot;9cf811cf-6f57-4ad9-a725-cc5c603015d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6" name="Virksomhed" descr="{&quot;templafy&quot;:{&quot;id&quot;:&quot;67e97717-a8a5-412e-8b1a-0ec5ea640da5&quot;}}">
            <a:extLst>
              <a:ext uri="{FF2B5EF4-FFF2-40B4-BE49-F238E27FC236}">
                <a16:creationId xmlns:a16="http://schemas.microsoft.com/office/drawing/2014/main" id="{90006F38-D602-0464-468A-715320F0B9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0" name="Titel" descr="{&quot;templafy&quot;:{&quot;id&quot;:&quot;09600894-333d-48ec-8533-8314e705b4d0&quot;}}">
            <a:extLst>
              <a:ext uri="{FF2B5EF4-FFF2-40B4-BE49-F238E27FC236}">
                <a16:creationId xmlns:a16="http://schemas.microsoft.com/office/drawing/2014/main" id="{E5392E6D-A960-0F47-F053-E72384FE6440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ecf5f64c-04aa-4054-ba3e-007c8c5eac06&quot;}}">
            <a:extLst>
              <a:ext uri="{FF2B5EF4-FFF2-40B4-BE49-F238E27FC236}">
                <a16:creationId xmlns:a16="http://schemas.microsoft.com/office/drawing/2014/main" id="{31CB95FC-BC8A-D17B-B5A3-4093AA03C1A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2" name="Dato" descr="{&quot;templafy&quot;:{&quot;id&quot;:&quot;264471f7-3a25-4e9e-ae14-a39d66980820&quot;}}">
            <a:extLst>
              <a:ext uri="{FF2B5EF4-FFF2-40B4-BE49-F238E27FC236}">
                <a16:creationId xmlns:a16="http://schemas.microsoft.com/office/drawing/2014/main" id="{2F2A97E3-54D3-A4A4-82DA-8BB45AA04A7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77388a02-bc4a-41a9-b597-e54790ab2739&quot;}}">
            <a:extLst>
              <a:ext uri="{FF2B5EF4-FFF2-40B4-BE49-F238E27FC236}">
                <a16:creationId xmlns:a16="http://schemas.microsoft.com/office/drawing/2014/main" id="{08B3095F-CB4F-0FC6-E258-E25EA00F174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4" name="Center" descr="{&quot;templafy&quot;:{&quot;id&quot;:&quot;f29e2ce5-03d5-4ea4-9eee-a09205f0b194&quot;}}" hidden="1">
            <a:extLst>
              <a:ext uri="{FF2B5EF4-FFF2-40B4-BE49-F238E27FC236}">
                <a16:creationId xmlns:a16="http://schemas.microsoft.com/office/drawing/2014/main" id="{05695839-992D-54F9-642A-759453F9B6D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43" name="Titel 1">
            <a:extLst>
              <a:ext uri="{FF2B5EF4-FFF2-40B4-BE49-F238E27FC236}">
                <a16:creationId xmlns:a16="http://schemas.microsoft.com/office/drawing/2014/main" id="{939893EA-43B4-43AB-A2B1-5287FEB459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1700213"/>
            <a:ext cx="5005388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45" name="Pladsholder til indhold 3">
            <a:extLst>
              <a:ext uri="{FF2B5EF4-FFF2-40B4-BE49-F238E27FC236}">
                <a16:creationId xmlns:a16="http://schemas.microsoft.com/office/drawing/2014/main" id="{43C927C7-BB40-4957-B24E-6E831BCE2C0D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127124" y="2818800"/>
            <a:ext cx="5005389" cy="2880000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21" name="Pladsholder til billede 2">
            <a:extLst>
              <a:ext uri="{FF2B5EF4-FFF2-40B4-BE49-F238E27FC236}">
                <a16:creationId xmlns:a16="http://schemas.microsoft.com/office/drawing/2014/main" id="{9D1524E1-A0B6-4A31-98B3-230C59DD95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19BE1E5-66C4-5F11-5280-1C2965857FB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425028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4 x billede/grafi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6" name="Rektangel 19">
            <a:extLst>
              <a:ext uri="{FF2B5EF4-FFF2-40B4-BE49-F238E27FC236}">
                <a16:creationId xmlns:a16="http://schemas.microsoft.com/office/drawing/2014/main" id="{59A81804-D36B-0D64-E30F-0B8B10E718D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490896295" name="Logoimage" descr="{&quot;templafy&quot;:{&quot;id&quot;:&quot;e7765f56-3395-43da-a82e-05f1b5b78a7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964308103" name="ExtralogoBottomimage" descr="{&quot;templafy&quot;:{&quot;id&quot;:&quot;c8ebd375-2528-4446-ad33-38ba0f156db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788159697" name="ExtralogoTopimage" descr="{&quot;templafy&quot;:{&quot;id&quot;:&quot;16ca244f-1f1f-4e0a-a4c4-89bfe4c430e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39cb2fd5-5da5-424f-b788-dc986f1971f9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1" name="Titel" descr="{&quot;templafy&quot;:{&quot;id&quot;:&quot;bfe83baf-ac6b-4234-b8b1-7fd2185ddcb5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93ab6752-c170-4590-95d7-f16899ff0136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Winther Dose</a:t>
            </a:r>
          </a:p>
        </p:txBody>
      </p:sp>
      <p:sp>
        <p:nvSpPr>
          <p:cNvPr id="13" name="Dato" descr="{&quot;templafy&quot;:{&quot;id&quot;:&quot;37d6e17e-8b5a-4dbc-ad9d-6f17921ac88b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14" name="CenterFreeText" descr="{&quot;templafy&quot;:{&quot;id&quot;:&quot;6708277f-8c67-4fb5-840a-515633d269e3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>
                  <a:lumMod val="50000"/>
                </a:schemeClr>
              </a:solidFill>
            </a:endParaRPr>
          </a:p>
        </p:txBody>
      </p:sp>
      <p:sp>
        <p:nvSpPr>
          <p:cNvPr id="15" name="Center" descr="{&quot;templafy&quot;:{&quot;id&quot;:&quot;057a594f-9e6d-49f9-baff-c4d0d5d748d3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5004000" cy="190800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3070800"/>
            <a:ext cx="5004000" cy="262673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</p:txBody>
      </p:sp>
      <p:sp>
        <p:nvSpPr>
          <p:cNvPr id="18" name="Pladsholder til billede 2">
            <a:extLst>
              <a:ext uri="{FF2B5EF4-FFF2-40B4-BE49-F238E27FC236}">
                <a16:creationId xmlns:a16="http://schemas.microsoft.com/office/drawing/2014/main" id="{679FD232-1986-8B27-66F7-4586625CA36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8001" y="1"/>
            <a:ext cx="3299142" cy="2601606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9" name="Pladsholder til billede 3">
            <a:extLst>
              <a:ext uri="{FF2B5EF4-FFF2-40B4-BE49-F238E27FC236}">
                <a16:creationId xmlns:a16="http://schemas.microsoft.com/office/drawing/2014/main" id="{81561707-48CC-17B1-0A45-F4FF26B7D5CE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0220279" y="1710417"/>
            <a:ext cx="1954097" cy="1611190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A0D0BD77-D8C7-35CE-E62E-889E3F6DCC49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851288" y="2961606"/>
            <a:ext cx="2193328" cy="275077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288001CD-12FE-142F-90D6-400597BB9B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357952" y="3681607"/>
            <a:ext cx="2490354" cy="240639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95729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3748">
          <p15:clr>
            <a:srgbClr val="A4A3A4"/>
          </p15:clr>
        </p15:guide>
        <p15:guide id="3" pos="3975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27124" y="872078"/>
            <a:ext cx="10371600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27125" y="1993524"/>
            <a:ext cx="10369549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3000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da-DK" dirty="0"/>
          </a:p>
        </p:txBody>
      </p:sp>
      <p:sp>
        <p:nvSpPr>
          <p:cNvPr id="4" name="Dato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6" r:id="rId1"/>
    <p:sldLayoutId id="2147483693" r:id="rId2"/>
    <p:sldLayoutId id="2147483677" r:id="rId3"/>
    <p:sldLayoutId id="2147483678" r:id="rId4"/>
    <p:sldLayoutId id="2147483695" r:id="rId5"/>
    <p:sldLayoutId id="2147483696" r:id="rId6"/>
    <p:sldLayoutId id="2147483697" r:id="rId7"/>
    <p:sldLayoutId id="2147483679" r:id="rId8"/>
    <p:sldLayoutId id="2147483698" r:id="rId9"/>
    <p:sldLayoutId id="2147483699" r:id="rId10"/>
    <p:sldLayoutId id="2147483689" r:id="rId11"/>
    <p:sldLayoutId id="2147483690" r:id="rId12"/>
    <p:sldLayoutId id="2147483658" r:id="rId13"/>
    <p:sldLayoutId id="2147483692" r:id="rId14"/>
    <p:sldLayoutId id="2147483701" r:id="rId15"/>
    <p:sldLayoutId id="2147483682" r:id="rId16"/>
    <p:sldLayoutId id="2147483683" r:id="rId17"/>
    <p:sldLayoutId id="2147483686" r:id="rId18"/>
    <p:sldLayoutId id="2147483700" r:id="rId19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2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jpe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7.jpe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6.jpeg"/><Relationship Id="rId5" Type="http://schemas.openxmlformats.org/officeDocument/2006/relationships/image" Target="../media/image15.jpeg"/><Relationship Id="rId4" Type="http://schemas.openxmlformats.org/officeDocument/2006/relationships/image" Target="../media/image14.jpeg"/><Relationship Id="rId9" Type="http://schemas.openxmlformats.org/officeDocument/2006/relationships/image" Target="../media/image19.jpeg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3.png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jpe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7.jpe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16.jpeg"/><Relationship Id="rId5" Type="http://schemas.openxmlformats.org/officeDocument/2006/relationships/image" Target="../media/image15.jpeg"/><Relationship Id="rId4" Type="http://schemas.openxmlformats.org/officeDocument/2006/relationships/image" Target="../media/image14.jpeg"/><Relationship Id="rId9" Type="http://schemas.openxmlformats.org/officeDocument/2006/relationships/image" Target="../media/image19.jpe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9.pn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jpe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7.jpe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.xml"/><Relationship Id="rId6" Type="http://schemas.openxmlformats.org/officeDocument/2006/relationships/image" Target="../media/image16.jpeg"/><Relationship Id="rId5" Type="http://schemas.openxmlformats.org/officeDocument/2006/relationships/image" Target="../media/image15.jpeg"/><Relationship Id="rId4" Type="http://schemas.openxmlformats.org/officeDocument/2006/relationships/image" Target="../media/image14.jpeg"/><Relationship Id="rId9" Type="http://schemas.openxmlformats.org/officeDocument/2006/relationships/image" Target="../media/image19.jpe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E53D04D-0928-40CA-8DBA-C844CF2EC90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12" name="Titel 11">
            <a:extLst>
              <a:ext uri="{FF2B5EF4-FFF2-40B4-BE49-F238E27FC236}">
                <a16:creationId xmlns:a16="http://schemas.microsoft.com/office/drawing/2014/main" id="{D463917B-55F6-749D-998B-C2F90E569C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3338" y="2711033"/>
            <a:ext cx="10371275" cy="2160000"/>
          </a:xfrm>
        </p:spPr>
        <p:txBody>
          <a:bodyPr/>
          <a:lstStyle/>
          <a:p>
            <a:r>
              <a:rPr lang="da-DK" dirty="0"/>
              <a:t>Identificering og optimering af afdelingens raste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967409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992D3C8-835F-DED9-A0F5-22E900B6051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7081" y="189537"/>
            <a:ext cx="10371600" cy="827497"/>
          </a:xfrm>
        </p:spPr>
        <p:txBody>
          <a:bodyPr/>
          <a:lstStyle/>
          <a:p>
            <a:r>
              <a:rPr lang="da-DK" dirty="0"/>
              <a:t>Tegning af opstilling</a:t>
            </a:r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5BCEC159-ABE1-D961-8E3F-E0BEEB3FDC6F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1087081" y="270504"/>
            <a:ext cx="11577583" cy="6512389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FE2B440-FAAF-F85B-C850-5EA50EA93E54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43BEB2B6-A4D4-C509-49B5-24A9382327E7}"/>
              </a:ext>
            </a:extLst>
          </p:cNvPr>
          <p:cNvSpPr txBox="1"/>
          <p:nvPr/>
        </p:nvSpPr>
        <p:spPr>
          <a:xfrm>
            <a:off x="5740909" y="2780645"/>
            <a:ext cx="1570383" cy="115294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dirty="0"/>
              <a:t>Afstand lig testede rasters fokusering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F814A9D2-33C2-1CE5-E232-3D389D6D7852}"/>
              </a:ext>
            </a:extLst>
          </p:cNvPr>
          <p:cNvSpPr txBox="1"/>
          <p:nvPr/>
        </p:nvSpPr>
        <p:spPr>
          <a:xfrm>
            <a:off x="7110279" y="4082367"/>
            <a:ext cx="1570383" cy="64604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/>
              <a:t>Afstand for at mindske rasterets spredte stråling i måling</a:t>
            </a:r>
          </a:p>
        </p:txBody>
      </p:sp>
      <p:cxnSp>
        <p:nvCxnSpPr>
          <p:cNvPr id="10" name="Lige pilforbindelse 9">
            <a:extLst>
              <a:ext uri="{FF2B5EF4-FFF2-40B4-BE49-F238E27FC236}">
                <a16:creationId xmlns:a16="http://schemas.microsoft.com/office/drawing/2014/main" id="{739BA901-A000-3869-24A2-84068B193F2D}"/>
              </a:ext>
            </a:extLst>
          </p:cNvPr>
          <p:cNvCxnSpPr/>
          <p:nvPr/>
        </p:nvCxnSpPr>
        <p:spPr>
          <a:xfrm>
            <a:off x="6892940" y="4013099"/>
            <a:ext cx="0" cy="566530"/>
          </a:xfrm>
          <a:prstGeom prst="straightConnector1">
            <a:avLst/>
          </a:prstGeom>
          <a:ln w="9525">
            <a:solidFill>
              <a:srgbClr val="1F2936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Billede 10">
            <a:extLst>
              <a:ext uri="{FF2B5EF4-FFF2-40B4-BE49-F238E27FC236}">
                <a16:creationId xmlns:a16="http://schemas.microsoft.com/office/drawing/2014/main" id="{9144E545-791D-754E-77E1-1E9A1A3B4911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28094" t="11915" r="36693" b="29632"/>
          <a:stretch/>
        </p:blipFill>
        <p:spPr>
          <a:xfrm>
            <a:off x="9592100" y="1738147"/>
            <a:ext cx="2373016" cy="5119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0089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A237EC7-A709-FA8E-EE58-34E1E0C7D49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1</a:t>
            </a:fld>
            <a:endParaRPr lang="da-DK" dirty="0"/>
          </a:p>
        </p:txBody>
      </p:sp>
      <p:graphicFrame>
        <p:nvGraphicFramePr>
          <p:cNvPr id="5" name="Tabel 4">
            <a:extLst>
              <a:ext uri="{FF2B5EF4-FFF2-40B4-BE49-F238E27FC236}">
                <a16:creationId xmlns:a16="http://schemas.microsoft.com/office/drawing/2014/main" id="{507AEDAD-323E-E442-012A-27DC9F85B87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6369320"/>
              </p:ext>
            </p:extLst>
          </p:nvPr>
        </p:nvGraphicFramePr>
        <p:xfrm>
          <a:off x="1883663" y="859536"/>
          <a:ext cx="9620949" cy="5788155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753967">
                  <a:extLst>
                    <a:ext uri="{9D8B030D-6E8A-4147-A177-3AD203B41FA5}">
                      <a16:colId xmlns:a16="http://schemas.microsoft.com/office/drawing/2014/main" val="4271537713"/>
                    </a:ext>
                  </a:extLst>
                </a:gridCol>
                <a:gridCol w="1770705">
                  <a:extLst>
                    <a:ext uri="{9D8B030D-6E8A-4147-A177-3AD203B41FA5}">
                      <a16:colId xmlns:a16="http://schemas.microsoft.com/office/drawing/2014/main" val="2297127059"/>
                    </a:ext>
                  </a:extLst>
                </a:gridCol>
                <a:gridCol w="612424">
                  <a:extLst>
                    <a:ext uri="{9D8B030D-6E8A-4147-A177-3AD203B41FA5}">
                      <a16:colId xmlns:a16="http://schemas.microsoft.com/office/drawing/2014/main" val="3413570090"/>
                    </a:ext>
                  </a:extLst>
                </a:gridCol>
                <a:gridCol w="1211534">
                  <a:extLst>
                    <a:ext uri="{9D8B030D-6E8A-4147-A177-3AD203B41FA5}">
                      <a16:colId xmlns:a16="http://schemas.microsoft.com/office/drawing/2014/main" val="1803191168"/>
                    </a:ext>
                  </a:extLst>
                </a:gridCol>
                <a:gridCol w="2109129">
                  <a:extLst>
                    <a:ext uri="{9D8B030D-6E8A-4147-A177-3AD203B41FA5}">
                      <a16:colId xmlns:a16="http://schemas.microsoft.com/office/drawing/2014/main" val="1596449249"/>
                    </a:ext>
                  </a:extLst>
                </a:gridCol>
                <a:gridCol w="3163190">
                  <a:extLst>
                    <a:ext uri="{9D8B030D-6E8A-4147-A177-3AD203B41FA5}">
                      <a16:colId xmlns:a16="http://schemas.microsoft.com/office/drawing/2014/main" val="1094971846"/>
                    </a:ext>
                  </a:extLst>
                </a:gridCol>
              </a:tblGrid>
              <a:tr h="504663">
                <a:tc>
                  <a:txBody>
                    <a:bodyPr/>
                    <a:lstStyle/>
                    <a:p>
                      <a:pPr algn="l" fontAlgn="t"/>
                      <a:r>
                        <a:rPr lang="da-DK" sz="1600" u="none" strike="noStrike" dirty="0">
                          <a:effectLst/>
                        </a:rPr>
                        <a:t>Raster</a:t>
                      </a:r>
                    </a:p>
                    <a:p>
                      <a:pPr algn="l" fontAlgn="t"/>
                      <a:r>
                        <a:rPr lang="da-DK" sz="16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nr</a:t>
                      </a:r>
                      <a:endParaRPr lang="da-DK" sz="16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600" u="none" strike="noStrike" dirty="0">
                          <a:effectLst/>
                        </a:rPr>
                        <a:t>Strip </a:t>
                      </a:r>
                      <a:r>
                        <a:rPr lang="da-DK" sz="1600" u="none" strike="noStrike" dirty="0" err="1">
                          <a:effectLst/>
                        </a:rPr>
                        <a:t>frequency</a:t>
                      </a:r>
                      <a:endParaRPr lang="da-DK" sz="16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600" u="none" strike="noStrike" dirty="0">
                          <a:effectLst/>
                        </a:rPr>
                        <a:t>Ratio</a:t>
                      </a:r>
                      <a:endParaRPr lang="da-DK" sz="16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600" u="none" strike="noStrike" dirty="0">
                          <a:effectLst/>
                        </a:rPr>
                        <a:t>Focus / SID</a:t>
                      </a:r>
                      <a:endParaRPr lang="da-DK" sz="16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600" u="none" strike="noStrike" dirty="0" err="1">
                          <a:effectLst/>
                        </a:rPr>
                        <a:t>Interspace</a:t>
                      </a:r>
                      <a:endParaRPr lang="da-DK" sz="16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endParaRPr lang="da-DK" sz="16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extLst>
                  <a:ext uri="{0D108BD9-81ED-4DB2-BD59-A6C34878D82A}">
                    <a16:rowId xmlns:a16="http://schemas.microsoft.com/office/drawing/2014/main" val="1480025811"/>
                  </a:ext>
                </a:extLst>
              </a:tr>
              <a:tr h="604832"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8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Al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 err="1">
                          <a:effectLst/>
                        </a:rPr>
                        <a:t>Carestream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053475829"/>
                  </a:ext>
                </a:extLst>
              </a:tr>
              <a:tr h="604832"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4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Al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Nyt </a:t>
                      </a:r>
                      <a:r>
                        <a:rPr lang="da-DK" sz="1400" u="none" strike="noStrike" dirty="0" err="1">
                          <a:effectLst/>
                        </a:rPr>
                        <a:t>Carestream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88269552"/>
                  </a:ext>
                </a:extLst>
              </a:tr>
              <a:tr h="604832"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3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36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4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UCL gl. lungestand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172442740"/>
                  </a:ext>
                </a:extLst>
              </a:tr>
              <a:tr h="604832"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4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4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3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Philips løs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260155341"/>
                  </a:ext>
                </a:extLst>
              </a:tr>
              <a:tr h="604832"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5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4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gl </a:t>
                      </a:r>
                      <a:r>
                        <a:rPr lang="da-DK" sz="1400" u="none" strike="noStrike" dirty="0" err="1">
                          <a:effectLst/>
                        </a:rPr>
                        <a:t>clik</a:t>
                      </a:r>
                      <a:r>
                        <a:rPr lang="da-DK" sz="1400" u="none" strike="noStrike" dirty="0">
                          <a:effectLst/>
                        </a:rPr>
                        <a:t> om UCL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321439554"/>
                  </a:ext>
                </a:extLst>
              </a:tr>
              <a:tr h="604832"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6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5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>
                          <a:effectLst/>
                        </a:rPr>
                        <a:t>Santax slide on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530423970"/>
                  </a:ext>
                </a:extLst>
              </a:tr>
              <a:tr h="604832"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7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5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>
                          <a:effectLst/>
                        </a:rPr>
                        <a:t>Santax løs hvid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965397893"/>
                  </a:ext>
                </a:extLst>
              </a:tr>
              <a:tr h="604832"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5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 err="1">
                          <a:effectLst/>
                        </a:rPr>
                        <a:t>Arcoma</a:t>
                      </a:r>
                      <a:r>
                        <a:rPr lang="da-DK" sz="1400" u="none" strike="noStrike" dirty="0">
                          <a:effectLst/>
                        </a:rPr>
                        <a:t> gl. bord UCL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52113924"/>
                  </a:ext>
                </a:extLst>
              </a:tr>
              <a:tr h="444836"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9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5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8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Al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UCL </a:t>
                      </a:r>
                      <a:r>
                        <a:rPr lang="da-DK" sz="1400" u="none" strike="noStrike" dirty="0" err="1">
                          <a:effectLst/>
                        </a:rPr>
                        <a:t>Arcoma</a:t>
                      </a:r>
                      <a:r>
                        <a:rPr lang="da-DK" sz="1400" u="none" strike="noStrike" dirty="0">
                          <a:effectLst/>
                        </a:rPr>
                        <a:t> ny stand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697085607"/>
                  </a:ext>
                </a:extLst>
              </a:tr>
            </a:tbl>
          </a:graphicData>
        </a:graphic>
      </p:graphicFrame>
      <p:sp>
        <p:nvSpPr>
          <p:cNvPr id="2" name="Tekstfelt 1">
            <a:extLst>
              <a:ext uri="{FF2B5EF4-FFF2-40B4-BE49-F238E27FC236}">
                <a16:creationId xmlns:a16="http://schemas.microsoft.com/office/drawing/2014/main" id="{09F4245F-BF7D-8D54-2BEE-91274A685005}"/>
              </a:ext>
            </a:extLst>
          </p:cNvPr>
          <p:cNvSpPr txBox="1"/>
          <p:nvPr/>
        </p:nvSpPr>
        <p:spPr>
          <a:xfrm>
            <a:off x="347472" y="210312"/>
            <a:ext cx="3840480" cy="49377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>
                <a:solidFill>
                  <a:schemeClr val="bg2">
                    <a:lumMod val="50000"/>
                  </a:schemeClr>
                </a:solidFill>
              </a:rPr>
              <a:t>De rastere vi kunne skrabe sammen:</a:t>
            </a:r>
          </a:p>
        </p:txBody>
      </p:sp>
    </p:spTree>
    <p:extLst>
      <p:ext uri="{BB962C8B-B14F-4D97-AF65-F5344CB8AC3E}">
        <p14:creationId xmlns:p14="http://schemas.microsoft.com/office/powerpoint/2010/main" val="10083101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ladsholder til indhold 3" descr="Et billede, der indeholder indendørs, rum/stue/værelse, Medicinsk udstyr, hospitalsstue&#10;&#10;Indhold genereret af kunstig intelligens kan være forkert.">
            <a:extLst>
              <a:ext uri="{FF2B5EF4-FFF2-40B4-BE49-F238E27FC236}">
                <a16:creationId xmlns:a16="http://schemas.microsoft.com/office/drawing/2014/main" id="{E3307EBD-F810-0B68-CA4D-853B47BC47D3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96220" y="0"/>
            <a:ext cx="3980047" cy="2985035"/>
          </a:xfrm>
        </p:spPr>
      </p:pic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D3564FE-4374-4562-A095-F70C0C584813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504613" y="6300000"/>
            <a:ext cx="687386" cy="180000"/>
          </a:xfrm>
        </p:spPr>
        <p:txBody>
          <a:bodyPr/>
          <a:lstStyle/>
          <a:p>
            <a:fld id="{667EC89C-17A0-4E64-A6D2-B825673CEEDF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6" name="Billede 5" descr="Et billede, der indeholder person, Ansigt, tøj, briller&#10;&#10;Indhold genereret af kunstig intelligens kan være forkert.">
            <a:extLst>
              <a:ext uri="{FF2B5EF4-FFF2-40B4-BE49-F238E27FC236}">
                <a16:creationId xmlns:a16="http://schemas.microsoft.com/office/drawing/2014/main" id="{90B463C2-810B-4CEF-2A16-D7C18592D3BB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2012"/>
          <a:stretch/>
        </p:blipFill>
        <p:spPr>
          <a:xfrm>
            <a:off x="793719" y="470317"/>
            <a:ext cx="2430862" cy="2527712"/>
          </a:xfrm>
          <a:prstGeom prst="rect">
            <a:avLst/>
          </a:prstGeom>
        </p:spPr>
      </p:pic>
      <p:pic>
        <p:nvPicPr>
          <p:cNvPr id="8" name="Billede 7" descr="Et billede, der indeholder person, tøj, indendørs, tekst&#10;&#10;Indhold genereret af kunstig intelligens kan være forkert.">
            <a:extLst>
              <a:ext uri="{FF2B5EF4-FFF2-40B4-BE49-F238E27FC236}">
                <a16:creationId xmlns:a16="http://schemas.microsoft.com/office/drawing/2014/main" id="{85118501-8674-37ED-EB82-4C68CB7CD0F6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0780"/>
          <a:stretch/>
        </p:blipFill>
        <p:spPr>
          <a:xfrm>
            <a:off x="6914264" y="3066691"/>
            <a:ext cx="3311676" cy="3498011"/>
          </a:xfrm>
          <a:prstGeom prst="rect">
            <a:avLst/>
          </a:prstGeom>
        </p:spPr>
      </p:pic>
      <p:pic>
        <p:nvPicPr>
          <p:cNvPr id="12" name="Billede 11" descr="Et billede, der indeholder person, indendørs, mur, tøj&#10;&#10;Indhold genereret af kunstig intelligens kan være forkert.">
            <a:extLst>
              <a:ext uri="{FF2B5EF4-FFF2-40B4-BE49-F238E27FC236}">
                <a16:creationId xmlns:a16="http://schemas.microsoft.com/office/drawing/2014/main" id="{F325F739-9B16-7C9F-7617-F9B60765D8B0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3719" y="3066691"/>
            <a:ext cx="2675056" cy="3566740"/>
          </a:xfrm>
          <a:prstGeom prst="rect">
            <a:avLst/>
          </a:prstGeom>
        </p:spPr>
      </p:pic>
      <p:pic>
        <p:nvPicPr>
          <p:cNvPr id="14" name="Billede 13" descr="Et billede, der indeholder indendørs, tekst, person, mur&#10;&#10;Indhold genereret af kunstig intelligens kan være forkert.">
            <a:extLst>
              <a:ext uri="{FF2B5EF4-FFF2-40B4-BE49-F238E27FC236}">
                <a16:creationId xmlns:a16="http://schemas.microsoft.com/office/drawing/2014/main" id="{DD07562F-3728-E065-D5C5-DE005FC6F17D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47907" y="12994"/>
            <a:ext cx="3980047" cy="2985035"/>
          </a:xfrm>
          <a:prstGeom prst="rect">
            <a:avLst/>
          </a:prstGeom>
        </p:spPr>
      </p:pic>
      <p:pic>
        <p:nvPicPr>
          <p:cNvPr id="16" name="Billede 15" descr="Et billede, der indeholder indendørs, mur, Medicinsk udstyr, tøj&#10;&#10;Indhold genereret af kunstig intelligens kan være forkert.">
            <a:extLst>
              <a:ext uri="{FF2B5EF4-FFF2-40B4-BE49-F238E27FC236}">
                <a16:creationId xmlns:a16="http://schemas.microsoft.com/office/drawing/2014/main" id="{CF102652-44C3-7A38-4B54-DFAA068AF718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511" t="9179" r="-6511" b="-2698"/>
          <a:stretch/>
        </p:blipFill>
        <p:spPr>
          <a:xfrm>
            <a:off x="3562656" y="3066691"/>
            <a:ext cx="3521466" cy="43909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833299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D104830-2483-AAFC-44F0-789425FE892C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81E838ED-5340-D804-CB72-9B5B034FEE1A}"/>
              </a:ext>
            </a:extLst>
          </p:cNvPr>
          <p:cNvSpPr txBox="1"/>
          <p:nvPr/>
        </p:nvSpPr>
        <p:spPr>
          <a:xfrm>
            <a:off x="3474720" y="1152144"/>
            <a:ext cx="5330952" cy="10972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 err="1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50C88F41-121E-898B-E109-C70EF4F6AC69}"/>
              </a:ext>
            </a:extLst>
          </p:cNvPr>
          <p:cNvSpPr txBox="1"/>
          <p:nvPr/>
        </p:nvSpPr>
        <p:spPr>
          <a:xfrm>
            <a:off x="3474720" y="896112"/>
            <a:ext cx="4700016" cy="576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Resultater</a:t>
            </a:r>
          </a:p>
        </p:txBody>
      </p:sp>
      <p:graphicFrame>
        <p:nvGraphicFramePr>
          <p:cNvPr id="8" name="Tabel 7">
            <a:extLst>
              <a:ext uri="{FF2B5EF4-FFF2-40B4-BE49-F238E27FC236}">
                <a16:creationId xmlns:a16="http://schemas.microsoft.com/office/drawing/2014/main" id="{56599A3E-F9B3-67B2-7788-24A27621CF2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61026890"/>
              </p:ext>
            </p:extLst>
          </p:nvPr>
        </p:nvGraphicFramePr>
        <p:xfrm>
          <a:off x="1856232" y="1472184"/>
          <a:ext cx="8659368" cy="4645145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625645">
                  <a:extLst>
                    <a:ext uri="{9D8B030D-6E8A-4147-A177-3AD203B41FA5}">
                      <a16:colId xmlns:a16="http://schemas.microsoft.com/office/drawing/2014/main" val="4146855272"/>
                    </a:ext>
                  </a:extLst>
                </a:gridCol>
                <a:gridCol w="670754">
                  <a:extLst>
                    <a:ext uri="{9D8B030D-6E8A-4147-A177-3AD203B41FA5}">
                      <a16:colId xmlns:a16="http://schemas.microsoft.com/office/drawing/2014/main" val="2974756162"/>
                    </a:ext>
                  </a:extLst>
                </a:gridCol>
                <a:gridCol w="565703">
                  <a:extLst>
                    <a:ext uri="{9D8B030D-6E8A-4147-A177-3AD203B41FA5}">
                      <a16:colId xmlns:a16="http://schemas.microsoft.com/office/drawing/2014/main" val="2779068355"/>
                    </a:ext>
                  </a:extLst>
                </a:gridCol>
                <a:gridCol w="627576">
                  <a:extLst>
                    <a:ext uri="{9D8B030D-6E8A-4147-A177-3AD203B41FA5}">
                      <a16:colId xmlns:a16="http://schemas.microsoft.com/office/drawing/2014/main" val="1624436316"/>
                    </a:ext>
                  </a:extLst>
                </a:gridCol>
                <a:gridCol w="627576">
                  <a:extLst>
                    <a:ext uri="{9D8B030D-6E8A-4147-A177-3AD203B41FA5}">
                      <a16:colId xmlns:a16="http://schemas.microsoft.com/office/drawing/2014/main" val="3221457972"/>
                    </a:ext>
                  </a:extLst>
                </a:gridCol>
                <a:gridCol w="860338">
                  <a:extLst>
                    <a:ext uri="{9D8B030D-6E8A-4147-A177-3AD203B41FA5}">
                      <a16:colId xmlns:a16="http://schemas.microsoft.com/office/drawing/2014/main" val="1056323040"/>
                    </a:ext>
                  </a:extLst>
                </a:gridCol>
                <a:gridCol w="824983">
                  <a:extLst>
                    <a:ext uri="{9D8B030D-6E8A-4147-A177-3AD203B41FA5}">
                      <a16:colId xmlns:a16="http://schemas.microsoft.com/office/drawing/2014/main" val="598851087"/>
                    </a:ext>
                  </a:extLst>
                </a:gridCol>
                <a:gridCol w="769001">
                  <a:extLst>
                    <a:ext uri="{9D8B030D-6E8A-4147-A177-3AD203B41FA5}">
                      <a16:colId xmlns:a16="http://schemas.microsoft.com/office/drawing/2014/main" val="2492992531"/>
                    </a:ext>
                  </a:extLst>
                </a:gridCol>
                <a:gridCol w="565703">
                  <a:extLst>
                    <a:ext uri="{9D8B030D-6E8A-4147-A177-3AD203B41FA5}">
                      <a16:colId xmlns:a16="http://schemas.microsoft.com/office/drawing/2014/main" val="1169896158"/>
                    </a:ext>
                  </a:extLst>
                </a:gridCol>
                <a:gridCol w="1154975">
                  <a:extLst>
                    <a:ext uri="{9D8B030D-6E8A-4147-A177-3AD203B41FA5}">
                      <a16:colId xmlns:a16="http://schemas.microsoft.com/office/drawing/2014/main" val="3803124547"/>
                    </a:ext>
                  </a:extLst>
                </a:gridCol>
                <a:gridCol w="801411">
                  <a:extLst>
                    <a:ext uri="{9D8B030D-6E8A-4147-A177-3AD203B41FA5}">
                      <a16:colId xmlns:a16="http://schemas.microsoft.com/office/drawing/2014/main" val="3642068010"/>
                    </a:ext>
                  </a:extLst>
                </a:gridCol>
                <a:gridCol w="565703">
                  <a:extLst>
                    <a:ext uri="{9D8B030D-6E8A-4147-A177-3AD203B41FA5}">
                      <a16:colId xmlns:a16="http://schemas.microsoft.com/office/drawing/2014/main" val="3631182478"/>
                    </a:ext>
                  </a:extLst>
                </a:gridCol>
              </a:tblGrid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701170552"/>
                  </a:ext>
                </a:extLst>
              </a:tr>
              <a:tr h="581330">
                <a:tc>
                  <a:txBody>
                    <a:bodyPr/>
                    <a:lstStyle/>
                    <a:p>
                      <a:pPr algn="l" fontAlgn="b"/>
                      <a:endParaRPr lang="da-DK" sz="1000" b="1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da-DK" sz="1000" u="none" strike="noStrike" dirty="0">
                          <a:effectLst/>
                        </a:rPr>
                        <a:t>raster</a:t>
                      </a:r>
                      <a:endParaRPr lang="da-DK" sz="10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000" u="none" strike="noStrike">
                          <a:effectLst/>
                        </a:rPr>
                        <a:t>kV / mAs</a:t>
                      </a:r>
                      <a:endParaRPr lang="da-DK" sz="1000" b="1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000" u="none" strike="noStrike">
                          <a:effectLst/>
                        </a:rPr>
                        <a:t>AIR dosis (uGy)</a:t>
                      </a:r>
                      <a:endParaRPr lang="da-DK" sz="1000" b="1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000" u="none" strike="noStrike">
                          <a:effectLst/>
                        </a:rPr>
                        <a:t>HVL (AIR)</a:t>
                      </a:r>
                      <a:endParaRPr lang="da-DK" sz="1000" b="1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000" u="none" strike="noStrike">
                          <a:effectLst/>
                        </a:rPr>
                        <a:t>Total filtrering (AIR)</a:t>
                      </a:r>
                      <a:endParaRPr lang="da-DK" sz="1000" b="1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000" u="none" strike="noStrike">
                          <a:effectLst/>
                        </a:rPr>
                        <a:t>Dosis incl. Raster (uGy)</a:t>
                      </a:r>
                      <a:endParaRPr lang="da-DK" sz="1000" b="1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000" u="none" strike="noStrike">
                          <a:effectLst/>
                        </a:rPr>
                        <a:t>Bucky Factor (beregnet)</a:t>
                      </a:r>
                      <a:endParaRPr lang="da-DK" sz="1000" b="1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0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HVL</a:t>
                      </a:r>
                      <a:endParaRPr lang="da-DK" sz="1000" b="1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000" u="none" strike="noStrike">
                          <a:effectLst/>
                        </a:rPr>
                        <a:t>Total filtrering (incl. Raster)</a:t>
                      </a:r>
                      <a:endParaRPr lang="da-DK" sz="1000" b="1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000" u="none" strike="noStrike">
                          <a:effectLst/>
                        </a:rPr>
                        <a:t>dæmpning i %</a:t>
                      </a:r>
                      <a:endParaRPr lang="da-DK" sz="1000" b="1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1416351062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1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7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65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47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80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3,48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,1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5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17545000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2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7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65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97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2,72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4,02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6,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6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957626429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3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7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162,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,91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18,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37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3,06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7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4107467844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4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7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19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,9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28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47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3,04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2844525065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5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7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65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82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45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3,06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1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3736180688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6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7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65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77,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5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3,05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2416882040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7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7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65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71,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55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3,05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3570976775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8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7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65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76,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50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3,07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1680611570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9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7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99,01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,9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4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2,06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3,1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2319663074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1811025660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9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10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04,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4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08,7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87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5,29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,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2967217896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8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10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49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378,1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45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4,56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5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4170678436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7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10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49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359,1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5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4,55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5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3582589000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6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10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49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384,7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42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4,52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819351758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5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10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49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401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36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4,53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27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209281931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4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10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9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7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277,7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415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4,51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372666368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3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10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38,7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35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256,3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321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4,48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5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3600747903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2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10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49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248,5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2,21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5,79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7,1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1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1907816268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 dirty="0">
                          <a:effectLst/>
                        </a:rPr>
                        <a:t>1</a:t>
                      </a:r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900" u="none" strike="noStrike">
                          <a:effectLst/>
                        </a:rPr>
                        <a:t>100 / 10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49,6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,2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3,8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331,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900" u="none" strike="noStrike">
                          <a:effectLst/>
                        </a:rPr>
                        <a:t>1,659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 dirty="0">
                          <a:solidFill>
                            <a:schemeClr val="bg1">
                              <a:lumMod val="75000"/>
                            </a:schemeClr>
                          </a:solidFill>
                          <a:effectLst/>
                        </a:rPr>
                        <a:t>5,06</a:t>
                      </a:r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5,2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900" u="none" strike="noStrike">
                          <a:effectLst/>
                        </a:rPr>
                        <a:t>47</a:t>
                      </a:r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695288040"/>
                  </a:ext>
                </a:extLst>
              </a:tr>
              <a:tr h="193515"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 dirty="0">
                        <a:solidFill>
                          <a:schemeClr val="bg1">
                            <a:lumMod val="75000"/>
                          </a:schemeClr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da-DK" sz="9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7738" marR="7738" marT="7738" marB="0" anchor="b"/>
                </a:tc>
                <a:extLst>
                  <a:ext uri="{0D108BD9-81ED-4DB2-BD59-A6C34878D82A}">
                    <a16:rowId xmlns:a16="http://schemas.microsoft.com/office/drawing/2014/main" val="320251422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64242114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D104830-2483-AAFC-44F0-789425FE892C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81E838ED-5340-D804-CB72-9B5B034FEE1A}"/>
              </a:ext>
            </a:extLst>
          </p:cNvPr>
          <p:cNvSpPr txBox="1"/>
          <p:nvPr/>
        </p:nvSpPr>
        <p:spPr>
          <a:xfrm>
            <a:off x="3474720" y="1152144"/>
            <a:ext cx="5330952" cy="10972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 err="1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50C88F41-121E-898B-E109-C70EF4F6AC69}"/>
              </a:ext>
            </a:extLst>
          </p:cNvPr>
          <p:cNvSpPr txBox="1"/>
          <p:nvPr/>
        </p:nvSpPr>
        <p:spPr>
          <a:xfrm>
            <a:off x="3282696" y="228600"/>
            <a:ext cx="4700016" cy="576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Resultater ved 70 kV</a:t>
            </a:r>
          </a:p>
        </p:txBody>
      </p:sp>
      <p:graphicFrame>
        <p:nvGraphicFramePr>
          <p:cNvPr id="3" name="Tabel 2">
            <a:extLst>
              <a:ext uri="{FF2B5EF4-FFF2-40B4-BE49-F238E27FC236}">
                <a16:creationId xmlns:a16="http://schemas.microsoft.com/office/drawing/2014/main" id="{06D90167-884E-42AA-D1AD-A560AB99967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02763162"/>
              </p:ext>
            </p:extLst>
          </p:nvPr>
        </p:nvGraphicFramePr>
        <p:xfrm>
          <a:off x="2880360" y="804672"/>
          <a:ext cx="8624253" cy="5630918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762833">
                  <a:extLst>
                    <a:ext uri="{9D8B030D-6E8A-4147-A177-3AD203B41FA5}">
                      <a16:colId xmlns:a16="http://schemas.microsoft.com/office/drawing/2014/main" val="4271537713"/>
                    </a:ext>
                  </a:extLst>
                </a:gridCol>
                <a:gridCol w="985326">
                  <a:extLst>
                    <a:ext uri="{9D8B030D-6E8A-4147-A177-3AD203B41FA5}">
                      <a16:colId xmlns:a16="http://schemas.microsoft.com/office/drawing/2014/main" val="2297127059"/>
                    </a:ext>
                  </a:extLst>
                </a:gridCol>
                <a:gridCol w="561530">
                  <a:extLst>
                    <a:ext uri="{9D8B030D-6E8A-4147-A177-3AD203B41FA5}">
                      <a16:colId xmlns:a16="http://schemas.microsoft.com/office/drawing/2014/main" val="3413570090"/>
                    </a:ext>
                  </a:extLst>
                </a:gridCol>
                <a:gridCol w="858187">
                  <a:extLst>
                    <a:ext uri="{9D8B030D-6E8A-4147-A177-3AD203B41FA5}">
                      <a16:colId xmlns:a16="http://schemas.microsoft.com/office/drawing/2014/main" val="1803191168"/>
                    </a:ext>
                  </a:extLst>
                </a:gridCol>
                <a:gridCol w="1239604">
                  <a:extLst>
                    <a:ext uri="{9D8B030D-6E8A-4147-A177-3AD203B41FA5}">
                      <a16:colId xmlns:a16="http://schemas.microsoft.com/office/drawing/2014/main" val="1596449249"/>
                    </a:ext>
                  </a:extLst>
                </a:gridCol>
                <a:gridCol w="1947041">
                  <a:extLst>
                    <a:ext uri="{9D8B030D-6E8A-4147-A177-3AD203B41FA5}">
                      <a16:colId xmlns:a16="http://schemas.microsoft.com/office/drawing/2014/main" val="1094971846"/>
                    </a:ext>
                  </a:extLst>
                </a:gridCol>
                <a:gridCol w="1295000">
                  <a:extLst>
                    <a:ext uri="{9D8B030D-6E8A-4147-A177-3AD203B41FA5}">
                      <a16:colId xmlns:a16="http://schemas.microsoft.com/office/drawing/2014/main" val="429674266"/>
                    </a:ext>
                  </a:extLst>
                </a:gridCol>
                <a:gridCol w="974732">
                  <a:extLst>
                    <a:ext uri="{9D8B030D-6E8A-4147-A177-3AD203B41FA5}">
                      <a16:colId xmlns:a16="http://schemas.microsoft.com/office/drawing/2014/main" val="164534552"/>
                    </a:ext>
                  </a:extLst>
                </a:gridCol>
              </a:tblGrid>
              <a:tr h="594360">
                <a:tc>
                  <a:txBody>
                    <a:bodyPr/>
                    <a:lstStyle/>
                    <a:p>
                      <a:pPr algn="l" fontAlgn="t"/>
                      <a:r>
                        <a:rPr lang="da-DK" sz="1400" u="none" strike="noStrike" dirty="0">
                          <a:effectLst/>
                        </a:rPr>
                        <a:t>Raster</a:t>
                      </a:r>
                    </a:p>
                    <a:p>
                      <a:pPr algn="l" fontAlgn="t"/>
                      <a:r>
                        <a:rPr lang="da-DK" sz="14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nr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400" u="none" strike="noStrike" dirty="0">
                          <a:effectLst/>
                        </a:rPr>
                        <a:t>Strip </a:t>
                      </a:r>
                      <a:r>
                        <a:rPr lang="da-DK" sz="1400" u="none" strike="noStrike" dirty="0" err="1">
                          <a:effectLst/>
                        </a:rPr>
                        <a:t>frequency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400" u="none" strike="noStrike" dirty="0">
                          <a:effectLst/>
                        </a:rPr>
                        <a:t>Ratio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400" u="none" strike="noStrike" dirty="0">
                          <a:effectLst/>
                        </a:rPr>
                        <a:t>Focus / SID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400" u="none" strike="noStrike" dirty="0" err="1">
                          <a:effectLst/>
                        </a:rPr>
                        <a:t>Interspace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Navn</a:t>
                      </a: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400" b="0" i="0" u="none" strike="noStrike" dirty="0" err="1">
                          <a:solidFill>
                            <a:srgbClr val="000000"/>
                          </a:solidFill>
                          <a:effectLst/>
                          <a:latin typeface="+mj-lt"/>
                        </a:rPr>
                        <a:t>Bucky</a:t>
                      </a:r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+mj-lt"/>
                        </a:rPr>
                        <a:t> Factor (beregnet)</a:t>
                      </a:r>
                    </a:p>
                  </a:txBody>
                  <a:tcPr marL="9525" marR="9525" marT="9525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+mj-lt"/>
                        </a:rPr>
                        <a:t>Dæmpning</a:t>
                      </a:r>
                    </a:p>
                    <a:p>
                      <a:pPr algn="l" fontAlgn="t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+mj-lt"/>
                        </a:rPr>
                        <a:t> i %</a:t>
                      </a:r>
                    </a:p>
                  </a:txBody>
                  <a:tcPr marL="9525" marR="9525" marT="9525" marB="0"/>
                </a:tc>
                <a:extLst>
                  <a:ext uri="{0D108BD9-81ED-4DB2-BD59-A6C34878D82A}">
                    <a16:rowId xmlns:a16="http://schemas.microsoft.com/office/drawing/2014/main" val="1480025811"/>
                  </a:ext>
                </a:extLst>
              </a:tr>
              <a:tr h="567644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1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8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Al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 err="1">
                          <a:effectLst/>
                        </a:rPr>
                        <a:t>Carestream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,809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45</a:t>
                      </a: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053475829"/>
                  </a:ext>
                </a:extLst>
              </a:tr>
              <a:tr h="567644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2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4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Al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Nyt </a:t>
                      </a:r>
                      <a:r>
                        <a:rPr lang="da-DK" sz="1400" u="none" strike="noStrike" dirty="0" err="1">
                          <a:effectLst/>
                        </a:rPr>
                        <a:t>Carestream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,724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63</a:t>
                      </a: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88269552"/>
                  </a:ext>
                </a:extLst>
              </a:tr>
              <a:tr h="567644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3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36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4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UCL gl. lungestand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,372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7</a:t>
                      </a: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172442740"/>
                  </a:ext>
                </a:extLst>
              </a:tr>
              <a:tr h="567644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4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4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3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Philips løs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,474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2</a:t>
                      </a: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260155341"/>
                  </a:ext>
                </a:extLst>
              </a:tr>
              <a:tr h="567644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5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4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gl </a:t>
                      </a:r>
                      <a:r>
                        <a:rPr lang="da-DK" sz="1400" u="none" strike="noStrike" dirty="0" err="1">
                          <a:effectLst/>
                        </a:rPr>
                        <a:t>clik</a:t>
                      </a:r>
                      <a:r>
                        <a:rPr lang="da-DK" sz="1400" u="none" strike="noStrike" dirty="0">
                          <a:effectLst/>
                        </a:rPr>
                        <a:t> om UCL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,454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1</a:t>
                      </a: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321439554"/>
                  </a:ext>
                </a:extLst>
              </a:tr>
              <a:tr h="567644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6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5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>
                          <a:effectLst/>
                        </a:rPr>
                        <a:t>Santax slide on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,5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3</a:t>
                      </a: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530423970"/>
                  </a:ext>
                </a:extLst>
              </a:tr>
              <a:tr h="567644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7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5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8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>
                          <a:effectLst/>
                        </a:rPr>
                        <a:t>Santax løs hvid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,553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6</a:t>
                      </a: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965397893"/>
                  </a:ext>
                </a:extLst>
              </a:tr>
              <a:tr h="567644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8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5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Fiber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 err="1">
                          <a:effectLst/>
                        </a:rPr>
                        <a:t>Arcoma</a:t>
                      </a:r>
                      <a:r>
                        <a:rPr lang="da-DK" sz="1400" u="none" strike="noStrike" dirty="0">
                          <a:effectLst/>
                        </a:rPr>
                        <a:t> gl. bord UCL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1,509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4</a:t>
                      </a: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52113924"/>
                  </a:ext>
                </a:extLst>
              </a:tr>
              <a:tr h="495406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 dirty="0">
                          <a:effectLst/>
                        </a:rPr>
                        <a:t>9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52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>
                          <a:effectLst/>
                        </a:rPr>
                        <a:t>10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u="none" strike="noStrike" dirty="0">
                          <a:effectLst/>
                        </a:rPr>
                        <a:t>180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u="none" strike="noStrike">
                          <a:effectLst/>
                        </a:rPr>
                        <a:t>Al</a:t>
                      </a:r>
                      <a:endParaRPr lang="da-DK" sz="1400" b="0" i="0" u="none" strike="noStrike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u="none" strike="noStrike" dirty="0">
                          <a:effectLst/>
                        </a:rPr>
                        <a:t>UCL </a:t>
                      </a:r>
                      <a:r>
                        <a:rPr lang="da-DK" sz="1400" u="none" strike="noStrike" dirty="0" err="1">
                          <a:effectLst/>
                        </a:rPr>
                        <a:t>Arcoma</a:t>
                      </a:r>
                      <a:r>
                        <a:rPr lang="da-DK" sz="1400" u="none" strike="noStrike" dirty="0">
                          <a:effectLst/>
                        </a:rPr>
                        <a:t> ny stand</a:t>
                      </a:r>
                      <a:endParaRPr lang="da-DK" sz="1400" b="0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,063</a:t>
                      </a: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52</a:t>
                      </a: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697085607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23589244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0853403-9E52-CAEB-6DD0-B36F90C9E9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Vi kiggede også på </a:t>
            </a:r>
            <a:r>
              <a:rPr lang="da-DK" dirty="0" err="1"/>
              <a:t>billedekvaliteten</a:t>
            </a:r>
            <a:r>
              <a:rPr lang="da-DK" dirty="0"/>
              <a:t>.</a:t>
            </a:r>
            <a:br>
              <a:rPr lang="da-DK" dirty="0"/>
            </a:b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D87B151-B4D4-53BE-52C6-141617F11135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8" name="Pladsholder til indhold 7">
            <a:extLst>
              <a:ext uri="{FF2B5EF4-FFF2-40B4-BE49-F238E27FC236}">
                <a16:creationId xmlns:a16="http://schemas.microsoft.com/office/drawing/2014/main" id="{8650E329-4D07-D70C-DED4-195170FC5A22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3"/>
          <a:stretch>
            <a:fillRect/>
          </a:stretch>
        </p:blipFill>
        <p:spPr>
          <a:xfrm>
            <a:off x="1317349" y="2604655"/>
            <a:ext cx="7338495" cy="1819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5249693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A3F9336-E094-3283-34A5-7481EB9A3AFD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DAB5548-7253-48D6-B95B-F3D312A72220}" type="slidenum">
              <a:rPr kumimoji="0" lang="da-DK" sz="900" b="1" i="0" u="none" strike="noStrike" kern="1200" cap="none" spc="0" normalizeH="0" baseline="0" noProof="0" smtClean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da-DK" sz="9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Rectangle 1">
            <a:extLst>
              <a:ext uri="{FF2B5EF4-FFF2-40B4-BE49-F238E27FC236}">
                <a16:creationId xmlns:a16="http://schemas.microsoft.com/office/drawing/2014/main" id="{9F1A95A9-C14D-162F-1A7A-6266AF26FD8E}"/>
              </a:ext>
            </a:extLst>
          </p:cNvPr>
          <p:cNvSpPr>
            <a:spLocks noChangeArrowheads="1"/>
          </p:cNvSpPr>
          <p:nvPr/>
        </p:nvSpPr>
        <p:spPr bwMode="auto">
          <a:xfrm>
            <a:off x="3544023" y="149400"/>
            <a:ext cx="121920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>
            <a:lvl1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>
                <a:tab pos="1114425" algn="l"/>
                <a:tab pos="2133600" algn="l"/>
              </a:tabLst>
              <a:defRPr/>
            </a:pPr>
            <a:r>
              <a:rPr kumimoji="0" lang="da-DK" altLang="da-DK" sz="2400" b="0" i="0" u="none" strike="noStrike" kern="12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Rtg.afd’s</a:t>
            </a:r>
            <a:r>
              <a:rPr kumimoji="0" lang="da-DK" altLang="da-DK" sz="2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rastere og deres egenskaber      </a:t>
            </a:r>
            <a:r>
              <a:rPr kumimoji="0" lang="da-DK" alt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juli</a:t>
            </a:r>
            <a:r>
              <a:rPr kumimoji="0" lang="da-DK" altLang="da-DK" sz="9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2024</a:t>
            </a:r>
            <a:endParaRPr kumimoji="0" lang="da-DK" altLang="da-DK" sz="8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>
                <a:tab pos="1114425" algn="l"/>
                <a:tab pos="2133600" algn="l"/>
              </a:tabLst>
              <a:defRPr/>
            </a:pPr>
            <a:endParaRPr kumimoji="0" lang="da-DK" altLang="da-DK" sz="18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A83B508F-7040-7211-7395-D1F8745A7917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2125" r="13647" b="6362"/>
          <a:stretch/>
        </p:blipFill>
        <p:spPr>
          <a:xfrm>
            <a:off x="642090" y="1144679"/>
            <a:ext cx="5006011" cy="4957945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C622E90F-5EAA-C782-98D3-60A7A2AF5776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2168" r="12907"/>
          <a:stretch/>
        </p:blipFill>
        <p:spPr>
          <a:xfrm>
            <a:off x="6175293" y="1319751"/>
            <a:ext cx="5556796" cy="4782873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4FD4E2AD-CD91-FE60-A68C-43786AB8DDD5}"/>
              </a:ext>
            </a:extLst>
          </p:cNvPr>
          <p:cNvSpPr txBox="1"/>
          <p:nvPr/>
        </p:nvSpPr>
        <p:spPr>
          <a:xfrm>
            <a:off x="5740924" y="1144680"/>
            <a:ext cx="355076" cy="49579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 err="1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790DC36F-78C7-F448-B19D-41C50B5787C8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b="45772"/>
          <a:stretch/>
        </p:blipFill>
        <p:spPr>
          <a:xfrm>
            <a:off x="5306556" y="1055101"/>
            <a:ext cx="775914" cy="5137100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18F6F620-5C13-B3C9-9EC6-D12BD86B62D2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t="52795"/>
          <a:stretch/>
        </p:blipFill>
        <p:spPr>
          <a:xfrm>
            <a:off x="11182565" y="1144678"/>
            <a:ext cx="888887" cy="50142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713940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D104830-2483-AAFC-44F0-789425FE892C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7</a:t>
            </a:fld>
            <a:endParaRPr lang="da-DK" dirty="0"/>
          </a:p>
        </p:txBody>
      </p:sp>
      <p:sp>
        <p:nvSpPr>
          <p:cNvPr id="6" name="Rectangle 1">
            <a:extLst>
              <a:ext uri="{FF2B5EF4-FFF2-40B4-BE49-F238E27FC236}">
                <a16:creationId xmlns:a16="http://schemas.microsoft.com/office/drawing/2014/main" id="{A1B751A9-6035-4F9D-3A12-CD57833E8570}"/>
              </a:ext>
            </a:extLst>
          </p:cNvPr>
          <p:cNvSpPr>
            <a:spLocks noChangeArrowheads="1"/>
          </p:cNvSpPr>
          <p:nvPr/>
        </p:nvSpPr>
        <p:spPr bwMode="auto">
          <a:xfrm>
            <a:off x="3669868" y="217755"/>
            <a:ext cx="5457135" cy="73866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>
            <a:lvl1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>
                <a:tab pos="1114425" algn="l"/>
                <a:tab pos="2133600" algn="l"/>
              </a:tabLst>
            </a:pPr>
            <a:r>
              <a:rPr kumimoji="0" lang="da-DK" altLang="da-DK" sz="24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Rtg.afd’s</a:t>
            </a:r>
            <a:r>
              <a:rPr kumimoji="0" lang="da-DK" altLang="da-DK" sz="2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rastere og deres egenskaber </a:t>
            </a:r>
            <a:r>
              <a:rPr kumimoji="0" lang="da-DK" altLang="da-DK" sz="1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ept</a:t>
            </a:r>
            <a:r>
              <a:rPr kumimoji="0" lang="da-DK" altLang="da-DK" sz="1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da-DK" altLang="da-DK" sz="9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2025</a:t>
            </a:r>
            <a:endParaRPr kumimoji="0" lang="da-DK" altLang="da-DK" sz="1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>
                <a:tab pos="1114425" algn="l"/>
                <a:tab pos="2133600" algn="l"/>
              </a:tabLst>
            </a:pPr>
            <a:endParaRPr kumimoji="0" lang="da-DK" altLang="da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C9698219-1C0C-8FC1-5F1C-0514F42CCB1C}"/>
              </a:ext>
            </a:extLst>
          </p:cNvPr>
          <p:cNvSpPr txBox="1"/>
          <p:nvPr/>
        </p:nvSpPr>
        <p:spPr>
          <a:xfrm>
            <a:off x="3035808" y="1874520"/>
            <a:ext cx="6091195" cy="18379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4000" dirty="0"/>
              <a:t>Der ses en dæmpning fra 28% til 59% i de 8 knoglerum, </a:t>
            </a:r>
          </a:p>
          <a:p>
            <a:r>
              <a:rPr lang="da-DK" sz="4000" dirty="0"/>
              <a:t>-hvor vi ikke har aftaler om hvilke undersøgelser eller patientgrupper der skal tages hvor!</a:t>
            </a:r>
          </a:p>
        </p:txBody>
      </p:sp>
    </p:spTree>
    <p:extLst>
      <p:ext uri="{BB962C8B-B14F-4D97-AF65-F5344CB8AC3E}">
        <p14:creationId xmlns:p14="http://schemas.microsoft.com/office/powerpoint/2010/main" val="326731161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E3A0D4A-BD8F-BEC0-3363-0B06A07645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aster-Billedkvalitet-Dosi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586BF94-7CB8-F00F-A94E-75A95527C5A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7125" y="2120122"/>
            <a:ext cx="10897235" cy="1610629"/>
          </a:xfrm>
        </p:spPr>
        <p:txBody>
          <a:bodyPr/>
          <a:lstStyle/>
          <a:p>
            <a:pPr marL="0" indent="0">
              <a:buNone/>
            </a:pPr>
            <a:endParaRPr lang="da-DK" sz="2800" dirty="0"/>
          </a:p>
          <a:p>
            <a:pPr marL="0" indent="0">
              <a:buNone/>
            </a:pPr>
            <a:endParaRPr lang="da-DK" sz="2800" dirty="0"/>
          </a:p>
          <a:p>
            <a:pPr marL="0" indent="0">
              <a:buNone/>
            </a:pPr>
            <a:r>
              <a:rPr lang="da-DK" sz="2800" dirty="0"/>
              <a:t>Hvem vil vi beskytte,- hvor meget, for at opnå hvilken billedkvalitet?</a:t>
            </a:r>
          </a:p>
          <a:p>
            <a:pPr marL="0" indent="0">
              <a:buNone/>
            </a:pPr>
            <a:endParaRPr lang="da-DK" sz="2800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7EBB353-D796-1BBB-D303-B6739D97B1B4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8</a:t>
            </a:fld>
            <a:endParaRPr lang="da-DK" dirty="0"/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4690B43D-FF48-681D-575D-51AD2F252974}"/>
              </a:ext>
            </a:extLst>
          </p:cNvPr>
          <p:cNvSpPr/>
          <p:nvPr/>
        </p:nvSpPr>
        <p:spPr>
          <a:xfrm>
            <a:off x="1939866" y="1814976"/>
            <a:ext cx="3014727" cy="1200329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da-DK" sz="7200" b="1" cap="none" spc="0" dirty="0">
                <a:ln w="9525">
                  <a:solidFill>
                    <a:schemeClr val="bg1"/>
                  </a:solidFill>
                  <a:prstDash val="solid"/>
                </a:ln>
                <a:solidFill>
                  <a:srgbClr val="FFC000"/>
                </a:solidFill>
                <a:effectLst>
                  <a:outerShdw blurRad="12700" dist="38100" dir="2700000" algn="tl" rotWithShape="0">
                    <a:schemeClr val="accent5">
                      <a:lumMod val="60000"/>
                      <a:lumOff val="40000"/>
                    </a:schemeClr>
                  </a:outerShdw>
                </a:effectLst>
              </a:rPr>
              <a:t>???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061D3FC8-42F2-1857-25E2-79F6F22BCA23}"/>
              </a:ext>
            </a:extLst>
          </p:cNvPr>
          <p:cNvSpPr txBox="1"/>
          <p:nvPr/>
        </p:nvSpPr>
        <p:spPr>
          <a:xfrm rot="19661581">
            <a:off x="1886552" y="4263992"/>
            <a:ext cx="895149" cy="2983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2400" dirty="0"/>
              <a:t>Støj</a:t>
            </a:r>
            <a:r>
              <a:rPr lang="da-DK" dirty="0"/>
              <a:t> ?</a:t>
            </a:r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F7490D6F-8B25-928D-A50C-C22804B00D04}"/>
              </a:ext>
            </a:extLst>
          </p:cNvPr>
          <p:cNvSpPr txBox="1"/>
          <p:nvPr/>
        </p:nvSpPr>
        <p:spPr>
          <a:xfrm rot="1016160">
            <a:off x="5934233" y="5268789"/>
            <a:ext cx="1932921" cy="66208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2400" dirty="0"/>
              <a:t>Patient</a:t>
            </a:r>
            <a:r>
              <a:rPr lang="da-DK" dirty="0"/>
              <a:t> kategori ?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FD38E5D3-B7D3-3935-F30C-6C09A7870602}"/>
              </a:ext>
            </a:extLst>
          </p:cNvPr>
          <p:cNvSpPr txBox="1"/>
          <p:nvPr/>
        </p:nvSpPr>
        <p:spPr>
          <a:xfrm rot="20998189">
            <a:off x="7132320" y="3952203"/>
            <a:ext cx="1116530" cy="54864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2400" dirty="0"/>
              <a:t>Alder ?</a:t>
            </a: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67FA6137-7DEE-D584-1C4A-D74379D6C028}"/>
              </a:ext>
            </a:extLst>
          </p:cNvPr>
          <p:cNvSpPr txBox="1"/>
          <p:nvPr/>
        </p:nvSpPr>
        <p:spPr>
          <a:xfrm rot="362005">
            <a:off x="3522287" y="5660828"/>
            <a:ext cx="1606954" cy="57751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2400" dirty="0"/>
              <a:t>Objekt størrelse ?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2159C8A5-FC25-54E6-D844-7E03D6B2313E}"/>
              </a:ext>
            </a:extLst>
          </p:cNvPr>
          <p:cNvSpPr txBox="1"/>
          <p:nvPr/>
        </p:nvSpPr>
        <p:spPr>
          <a:xfrm>
            <a:off x="8556859" y="4737877"/>
            <a:ext cx="1867301" cy="63302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2400" dirty="0"/>
              <a:t>Rumspecifikt</a:t>
            </a:r>
            <a:r>
              <a:rPr lang="da-DK" dirty="0"/>
              <a:t> ?</a:t>
            </a:r>
          </a:p>
        </p:txBody>
      </p:sp>
    </p:spTree>
    <p:extLst>
      <p:ext uri="{BB962C8B-B14F-4D97-AF65-F5344CB8AC3E}">
        <p14:creationId xmlns:p14="http://schemas.microsoft.com/office/powerpoint/2010/main" val="356476165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392BB54-7991-1FD8-88BA-D7BF8FCF55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onklus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D1C5235-3213-F088-89FD-613F09A99C21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6800" y="1963571"/>
            <a:ext cx="10685600" cy="1760827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Hjælp fra gruppen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379F4A3-3544-F4AA-42AC-C43E521FA8F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9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3A3ECE51-113B-903B-EACB-4A8658192A42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4762" r="3635"/>
          <a:stretch/>
        </p:blipFill>
        <p:spPr>
          <a:xfrm>
            <a:off x="3491345" y="1136074"/>
            <a:ext cx="8534400" cy="56587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06304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24847C9-2413-3227-56EC-AFF92A7AA451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AD308476-5A64-EEFC-CB36-DA4E9FC69B4C}"/>
              </a:ext>
            </a:extLst>
          </p:cNvPr>
          <p:cNvSpPr txBox="1"/>
          <p:nvPr/>
        </p:nvSpPr>
        <p:spPr>
          <a:xfrm>
            <a:off x="3128211" y="4206240"/>
            <a:ext cx="5345229" cy="102870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3200" dirty="0"/>
              <a:t>8 knoglerum….ca 40. rastere</a:t>
            </a:r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25D6B4B9-28F0-413D-AE4F-B51DCE6227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34482" y="1299995"/>
            <a:ext cx="10371138" cy="1028700"/>
          </a:xfrm>
        </p:spPr>
        <p:txBody>
          <a:bodyPr/>
          <a:lstStyle/>
          <a:p>
            <a:r>
              <a:rPr lang="da-DK" dirty="0"/>
              <a:t>Optimering af raster-beholdningen og ... </a:t>
            </a:r>
            <a:br>
              <a:rPr lang="da-DK" dirty="0"/>
            </a:br>
            <a:br>
              <a:rPr lang="da-DK" dirty="0"/>
            </a:br>
            <a:r>
              <a:rPr lang="da-DK" dirty="0"/>
              <a:t> </a:t>
            </a:r>
            <a:r>
              <a:rPr lang="da-DK" dirty="0" err="1"/>
              <a:t>øhh</a:t>
            </a:r>
            <a:r>
              <a:rPr lang="da-DK" dirty="0"/>
              <a:t>… dosis?</a:t>
            </a:r>
          </a:p>
        </p:txBody>
      </p:sp>
    </p:spTree>
    <p:extLst>
      <p:ext uri="{BB962C8B-B14F-4D97-AF65-F5344CB8AC3E}">
        <p14:creationId xmlns:p14="http://schemas.microsoft.com/office/powerpoint/2010/main" val="21586151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402E9B0-A556-9D8C-7576-9E0A48A018D9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910362" y="3040697"/>
            <a:ext cx="10371275" cy="3708000"/>
          </a:xfrm>
        </p:spPr>
        <p:txBody>
          <a:bodyPr/>
          <a:lstStyle/>
          <a:p>
            <a:r>
              <a:rPr lang="da-DK" dirty="0"/>
              <a:t>Hvis alle rum aflevere en kvalitet der er diagnostisk acceptabelt?</a:t>
            </a:r>
          </a:p>
          <a:p>
            <a:r>
              <a:rPr lang="da-DK" dirty="0"/>
              <a:t>Skal vi så definere i hvilke rum vi vil undersøge patient grupper/undersøgelser der er særlig strålefølsomme</a:t>
            </a:r>
          </a:p>
          <a:p>
            <a:r>
              <a:rPr lang="da-DK" dirty="0"/>
              <a:t>-eller skaffe penge til at købe nye rastere</a:t>
            </a:r>
          </a:p>
          <a:p>
            <a:r>
              <a:rPr lang="da-DK" dirty="0"/>
              <a:t>Vi skal i hvert fald udtænke ny måde at formulere kravsspecifikation ved udbud.</a:t>
            </a: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7F072FE-3490-6FFF-AB03-A1BF29319F1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6" name="Titel 5">
            <a:extLst>
              <a:ext uri="{FF2B5EF4-FFF2-40B4-BE49-F238E27FC236}">
                <a16:creationId xmlns:a16="http://schemas.microsoft.com/office/drawing/2014/main" id="{0DBFFF08-4380-9939-5620-7B3EC811CD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erspektivering</a:t>
            </a:r>
          </a:p>
        </p:txBody>
      </p:sp>
    </p:spTree>
    <p:extLst>
      <p:ext uri="{BB962C8B-B14F-4D97-AF65-F5344CB8AC3E}">
        <p14:creationId xmlns:p14="http://schemas.microsoft.com/office/powerpoint/2010/main" val="220395872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2018DF6-C091-D833-9C7A-FCAFE73C42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97816" y="1447272"/>
            <a:ext cx="10371600" cy="827497"/>
          </a:xfrm>
        </p:spPr>
        <p:txBody>
          <a:bodyPr/>
          <a:lstStyle/>
          <a:p>
            <a:r>
              <a:rPr lang="da-DK" sz="2400" b="0" dirty="0" err="1"/>
              <a:t>Dosimeter</a:t>
            </a:r>
            <a:r>
              <a:rPr lang="da-DK" sz="2400" b="0" dirty="0"/>
              <a:t> fra konstanstest kan sagtens bruges</a:t>
            </a:r>
          </a:p>
        </p:txBody>
      </p:sp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CD99D6F5-46E8-E7C4-6EC2-E476F004EAFA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2529077" y="2572212"/>
            <a:ext cx="6252711" cy="3218988"/>
          </a:xfrm>
          <a:prstGeom prst="rect">
            <a:avLst/>
          </a:prstGeo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DDCCF30-BE7C-D294-D82E-6EB9F045D8B8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1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45B2327D-25DC-9F34-1974-08A78E5A9D9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79746" y="378000"/>
            <a:ext cx="10589670" cy="1115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909905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ladsholder til indhold 3" descr="Et billede, der indeholder indendørs, rum/stue/værelse, Medicinsk udstyr, hospitalsstue&#10;&#10;Indhold genereret af kunstig intelligens kan være forkert.">
            <a:extLst>
              <a:ext uri="{FF2B5EF4-FFF2-40B4-BE49-F238E27FC236}">
                <a16:creationId xmlns:a16="http://schemas.microsoft.com/office/drawing/2014/main" id="{E3307EBD-F810-0B68-CA4D-853B47BC47D3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96220" y="0"/>
            <a:ext cx="3980047" cy="2985035"/>
          </a:xfrm>
        </p:spPr>
      </p:pic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D3564FE-4374-4562-A095-F70C0C584813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504613" y="6300000"/>
            <a:ext cx="687386" cy="180000"/>
          </a:xfrm>
        </p:spPr>
        <p:txBody>
          <a:bodyPr/>
          <a:lstStyle/>
          <a:p>
            <a:fld id="{667EC89C-17A0-4E64-A6D2-B825673CEEDF}" type="slidenum">
              <a:rPr lang="da-DK" smtClean="0"/>
              <a:pPr/>
              <a:t>22</a:t>
            </a:fld>
            <a:endParaRPr lang="da-DK" dirty="0"/>
          </a:p>
        </p:txBody>
      </p:sp>
      <p:pic>
        <p:nvPicPr>
          <p:cNvPr id="6" name="Billede 5" descr="Et billede, der indeholder person, Ansigt, tøj, briller&#10;&#10;Indhold genereret af kunstig intelligens kan være forkert.">
            <a:extLst>
              <a:ext uri="{FF2B5EF4-FFF2-40B4-BE49-F238E27FC236}">
                <a16:creationId xmlns:a16="http://schemas.microsoft.com/office/drawing/2014/main" id="{90B463C2-810B-4CEF-2A16-D7C18592D3BB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2012"/>
          <a:stretch/>
        </p:blipFill>
        <p:spPr>
          <a:xfrm>
            <a:off x="793719" y="470317"/>
            <a:ext cx="2430862" cy="2527712"/>
          </a:xfrm>
          <a:prstGeom prst="rect">
            <a:avLst/>
          </a:prstGeom>
        </p:spPr>
      </p:pic>
      <p:pic>
        <p:nvPicPr>
          <p:cNvPr id="8" name="Billede 7" descr="Et billede, der indeholder person, tøj, indendørs, tekst&#10;&#10;Indhold genereret af kunstig intelligens kan være forkert.">
            <a:extLst>
              <a:ext uri="{FF2B5EF4-FFF2-40B4-BE49-F238E27FC236}">
                <a16:creationId xmlns:a16="http://schemas.microsoft.com/office/drawing/2014/main" id="{85118501-8674-37ED-EB82-4C68CB7CD0F6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0780"/>
          <a:stretch/>
        </p:blipFill>
        <p:spPr>
          <a:xfrm>
            <a:off x="6914264" y="3066691"/>
            <a:ext cx="3311676" cy="3498011"/>
          </a:xfrm>
          <a:prstGeom prst="rect">
            <a:avLst/>
          </a:prstGeom>
        </p:spPr>
      </p:pic>
      <p:pic>
        <p:nvPicPr>
          <p:cNvPr id="12" name="Billede 11" descr="Et billede, der indeholder person, indendørs, mur, tøj&#10;&#10;Indhold genereret af kunstig intelligens kan være forkert.">
            <a:extLst>
              <a:ext uri="{FF2B5EF4-FFF2-40B4-BE49-F238E27FC236}">
                <a16:creationId xmlns:a16="http://schemas.microsoft.com/office/drawing/2014/main" id="{F325F739-9B16-7C9F-7617-F9B60765D8B0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3719" y="3066691"/>
            <a:ext cx="2675056" cy="3566740"/>
          </a:xfrm>
          <a:prstGeom prst="rect">
            <a:avLst/>
          </a:prstGeom>
        </p:spPr>
      </p:pic>
      <p:pic>
        <p:nvPicPr>
          <p:cNvPr id="14" name="Billede 13" descr="Et billede, der indeholder indendørs, tekst, person, mur&#10;&#10;Indhold genereret af kunstig intelligens kan være forkert.">
            <a:extLst>
              <a:ext uri="{FF2B5EF4-FFF2-40B4-BE49-F238E27FC236}">
                <a16:creationId xmlns:a16="http://schemas.microsoft.com/office/drawing/2014/main" id="{DD07562F-3728-E065-D5C5-DE005FC6F17D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47907" y="12994"/>
            <a:ext cx="3980047" cy="2985035"/>
          </a:xfrm>
          <a:prstGeom prst="rect">
            <a:avLst/>
          </a:prstGeom>
        </p:spPr>
      </p:pic>
      <p:pic>
        <p:nvPicPr>
          <p:cNvPr id="16" name="Billede 15" descr="Et billede, der indeholder indendørs, mur, Medicinsk udstyr, tøj&#10;&#10;Indhold genereret af kunstig intelligens kan være forkert.">
            <a:extLst>
              <a:ext uri="{FF2B5EF4-FFF2-40B4-BE49-F238E27FC236}">
                <a16:creationId xmlns:a16="http://schemas.microsoft.com/office/drawing/2014/main" id="{CF102652-44C3-7A38-4B54-DFAA068AF718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511" t="9179" r="-6511" b="-2698"/>
          <a:stretch/>
        </p:blipFill>
        <p:spPr>
          <a:xfrm>
            <a:off x="3562656" y="3066691"/>
            <a:ext cx="3521466" cy="43909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5715795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>
            <a:extLst>
              <a:ext uri="{FF2B5EF4-FFF2-40B4-BE49-F238E27FC236}">
                <a16:creationId xmlns:a16="http://schemas.microsoft.com/office/drawing/2014/main" id="{C52F2025-6AE2-658D-1E4A-487983CD6F5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416968" y="2678595"/>
            <a:ext cx="3934051" cy="3934051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8E04AD8C-F71B-4C20-D67C-031FD201A4A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12269" y="-160532"/>
            <a:ext cx="3589532" cy="3589532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13B64519-0BED-F9B5-3291-EC5DB223E6F1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13305" t="6490" r="11491" b="10874"/>
          <a:stretch/>
        </p:blipFill>
        <p:spPr>
          <a:xfrm>
            <a:off x="7890201" y="290291"/>
            <a:ext cx="3234297" cy="2662075"/>
          </a:xfrm>
          <a:prstGeom prst="rect">
            <a:avLst/>
          </a:prstGeom>
        </p:spPr>
      </p:pic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E53D04D-0928-40CA-8DBA-C844CF2EC90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B5683641-F6D8-A4F3-8550-53B678D0CE4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47801" y="3802279"/>
            <a:ext cx="2791034" cy="2803494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639347BD-9EBD-7B01-D670-2A044425D6BC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201619" y="400232"/>
            <a:ext cx="2999492" cy="1524132"/>
          </a:xfrm>
          <a:prstGeom prst="rect">
            <a:avLst/>
          </a:prstGeom>
        </p:spPr>
      </p:pic>
      <p:pic>
        <p:nvPicPr>
          <p:cNvPr id="3" name="Billede 2">
            <a:extLst>
              <a:ext uri="{FF2B5EF4-FFF2-40B4-BE49-F238E27FC236}">
                <a16:creationId xmlns:a16="http://schemas.microsoft.com/office/drawing/2014/main" id="{236C1A13-A6F0-275A-6D35-3FCECD2F2E50}"/>
              </a:ext>
            </a:extLst>
          </p:cNvPr>
          <p:cNvPicPr>
            <a:picLocks noChangeAspect="1"/>
          </p:cNvPicPr>
          <p:nvPr/>
        </p:nvPicPr>
        <p:blipFill>
          <a:blip r:embed="rId9"/>
          <a:srcRect t="16982" r="98" b="13099"/>
          <a:stretch/>
        </p:blipFill>
        <p:spPr>
          <a:xfrm>
            <a:off x="8152598" y="3587680"/>
            <a:ext cx="3234297" cy="301809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1414227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46568D42-445C-ED18-FA17-6B8DC3BD2B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800" y="871200"/>
            <a:ext cx="10371600" cy="827497"/>
          </a:xfrm>
        </p:spPr>
        <p:txBody>
          <a:bodyPr/>
          <a:lstStyle/>
          <a:p>
            <a:r>
              <a:rPr lang="en-US" dirty="0" err="1"/>
              <a:t>Hvordan</a:t>
            </a:r>
            <a:r>
              <a:rPr lang="en-US" dirty="0"/>
              <a:t> </a:t>
            </a:r>
            <a:r>
              <a:rPr lang="en-US" dirty="0" err="1"/>
              <a:t>startede</a:t>
            </a:r>
            <a:r>
              <a:rPr lang="en-US" dirty="0"/>
              <a:t> </a:t>
            </a:r>
            <a:r>
              <a:rPr lang="en-US" dirty="0" err="1"/>
              <a:t>vores</a:t>
            </a:r>
            <a:r>
              <a:rPr lang="en-US" dirty="0"/>
              <a:t> process?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B041484-424D-48B4-FEC4-5261AB524795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7125" y="1989137"/>
            <a:ext cx="10371275" cy="3708000"/>
          </a:xfrm>
        </p:spPr>
        <p:txBody>
          <a:bodyPr/>
          <a:lstStyle/>
          <a:p>
            <a:r>
              <a:rPr lang="en-US" dirty="0"/>
              <a:t>Som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registrering</a:t>
            </a:r>
            <a:endParaRPr lang="en-US" dirty="0"/>
          </a:p>
          <a:p>
            <a:r>
              <a:rPr lang="en-US" dirty="0" err="1"/>
              <a:t>Hvad</a:t>
            </a:r>
            <a:r>
              <a:rPr lang="en-US" dirty="0"/>
              <a:t> </a:t>
            </a:r>
            <a:r>
              <a:rPr lang="en-US" dirty="0" err="1"/>
              <a:t>har</a:t>
            </a:r>
            <a:r>
              <a:rPr lang="en-US" dirty="0"/>
              <a:t> vi med </a:t>
            </a:r>
            <a:r>
              <a:rPr lang="en-US" dirty="0" err="1"/>
              <a:t>hvilke</a:t>
            </a:r>
            <a:r>
              <a:rPr lang="en-US" dirty="0"/>
              <a:t> </a:t>
            </a:r>
            <a:r>
              <a:rPr lang="en-US" dirty="0" err="1"/>
              <a:t>egenskaber</a:t>
            </a:r>
            <a:r>
              <a:rPr lang="en-US" dirty="0"/>
              <a:t>?</a:t>
            </a:r>
          </a:p>
          <a:p>
            <a:r>
              <a:rPr lang="en-US" dirty="0"/>
              <a:t>Har vi rum med </a:t>
            </a:r>
            <a:r>
              <a:rPr lang="en-US" dirty="0" err="1"/>
              <a:t>høj</a:t>
            </a:r>
            <a:r>
              <a:rPr lang="en-US" dirty="0"/>
              <a:t> </a:t>
            </a:r>
            <a:r>
              <a:rPr lang="en-US" dirty="0" err="1"/>
              <a:t>dæmpning</a:t>
            </a:r>
            <a:r>
              <a:rPr lang="en-US" dirty="0"/>
              <a:t> </a:t>
            </a:r>
            <a:r>
              <a:rPr lang="en-US" dirty="0" err="1"/>
              <a:t>og</a:t>
            </a:r>
            <a:r>
              <a:rPr lang="en-US" dirty="0"/>
              <a:t> </a:t>
            </a:r>
            <a:r>
              <a:rPr lang="en-US" dirty="0" err="1"/>
              <a:t>skal</a:t>
            </a:r>
            <a:r>
              <a:rPr lang="en-US" dirty="0"/>
              <a:t> det med i </a:t>
            </a:r>
            <a:r>
              <a:rPr lang="en-US" dirty="0" err="1"/>
              <a:t>vurdering</a:t>
            </a:r>
            <a:r>
              <a:rPr lang="en-US" dirty="0"/>
              <a:t> </a:t>
            </a:r>
            <a:r>
              <a:rPr lang="en-US" dirty="0" err="1"/>
              <a:t>og</a:t>
            </a:r>
            <a:r>
              <a:rPr lang="en-US" dirty="0"/>
              <a:t> </a:t>
            </a:r>
            <a:r>
              <a:rPr lang="en-US" dirty="0" err="1"/>
              <a:t>valg</a:t>
            </a:r>
            <a:r>
              <a:rPr lang="en-US" dirty="0"/>
              <a:t> </a:t>
            </a:r>
            <a:r>
              <a:rPr lang="en-US" dirty="0" err="1"/>
              <a:t>af</a:t>
            </a:r>
            <a:r>
              <a:rPr lang="en-US" dirty="0"/>
              <a:t> rum </a:t>
            </a:r>
            <a:r>
              <a:rPr lang="en-US" dirty="0" err="1"/>
              <a:t>til</a:t>
            </a:r>
            <a:r>
              <a:rPr lang="en-US" dirty="0"/>
              <a:t> </a:t>
            </a:r>
            <a:r>
              <a:rPr lang="en-US" dirty="0" err="1"/>
              <a:t>særlige</a:t>
            </a:r>
            <a:r>
              <a:rPr lang="en-US" dirty="0"/>
              <a:t> us?</a:t>
            </a:r>
          </a:p>
          <a:p>
            <a:r>
              <a:rPr lang="en-US" dirty="0"/>
              <a:t>Har vi </a:t>
            </a:r>
            <a:r>
              <a:rPr lang="en-US" dirty="0" err="1"/>
              <a:t>penge</a:t>
            </a:r>
            <a:r>
              <a:rPr lang="en-US" dirty="0"/>
              <a:t> </a:t>
            </a:r>
            <a:r>
              <a:rPr lang="en-US" dirty="0" err="1"/>
              <a:t>til</a:t>
            </a:r>
            <a:r>
              <a:rPr lang="en-US" dirty="0"/>
              <a:t>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ensretnig</a:t>
            </a:r>
            <a:r>
              <a:rPr lang="en-US" dirty="0"/>
              <a:t>/</a:t>
            </a:r>
            <a:r>
              <a:rPr lang="en-US" dirty="0" err="1"/>
              <a:t>optimering</a:t>
            </a:r>
            <a:r>
              <a:rPr lang="en-US" dirty="0"/>
              <a:t>?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A3F9336-E094-3283-34A5-7481EB9A3AFD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504613" y="630000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0417149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A3F9336-E094-3283-34A5-7481EB9A3AFD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DAB5548-7253-48D6-B95B-F3D312A72220}" type="slidenum">
              <a:rPr kumimoji="0" lang="da-DK" sz="900" b="1" i="0" u="none" strike="noStrike" kern="1200" cap="none" spc="0" normalizeH="0" baseline="0" noProof="0" smtClean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a-DK" sz="9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Rectangle 1">
            <a:extLst>
              <a:ext uri="{FF2B5EF4-FFF2-40B4-BE49-F238E27FC236}">
                <a16:creationId xmlns:a16="http://schemas.microsoft.com/office/drawing/2014/main" id="{9F1A95A9-C14D-162F-1A7A-6266AF26FD8E}"/>
              </a:ext>
            </a:extLst>
          </p:cNvPr>
          <p:cNvSpPr>
            <a:spLocks noChangeArrowheads="1"/>
          </p:cNvSpPr>
          <p:nvPr/>
        </p:nvSpPr>
        <p:spPr bwMode="auto">
          <a:xfrm>
            <a:off x="3544023" y="149400"/>
            <a:ext cx="121920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>
            <a:lvl1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eaLnBrk="0" fontAlgn="base" hangingPunct="0">
              <a:spcBef>
                <a:spcPct val="0"/>
              </a:spcBef>
              <a:spcAft>
                <a:spcPct val="0"/>
              </a:spcAft>
              <a:tabLst>
                <a:tab pos="1114425" algn="l"/>
                <a:tab pos="2133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>
                <a:tab pos="1114425" algn="l"/>
                <a:tab pos="2133600" algn="l"/>
              </a:tabLst>
              <a:defRPr/>
            </a:pPr>
            <a:r>
              <a:rPr kumimoji="0" lang="da-DK" altLang="da-DK" sz="2400" b="0" i="0" u="none" strike="noStrike" kern="12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Rtg.afd’s</a:t>
            </a:r>
            <a:r>
              <a:rPr kumimoji="0" lang="da-DK" altLang="da-DK" sz="2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rastere og deres egenskaber      </a:t>
            </a:r>
            <a:r>
              <a:rPr kumimoji="0" lang="da-DK" alt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juli</a:t>
            </a:r>
            <a:r>
              <a:rPr kumimoji="0" lang="da-DK" altLang="da-DK" sz="9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2024</a:t>
            </a:r>
            <a:endParaRPr kumimoji="0" lang="da-DK" altLang="da-DK" sz="8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>
                <a:tab pos="1114425" algn="l"/>
                <a:tab pos="2133600" algn="l"/>
              </a:tabLst>
              <a:defRPr/>
            </a:pPr>
            <a:endParaRPr kumimoji="0" lang="da-DK" altLang="da-DK" sz="18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A83B508F-7040-7211-7395-D1F8745A7917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2125" r="13647" b="6362"/>
          <a:stretch/>
        </p:blipFill>
        <p:spPr>
          <a:xfrm>
            <a:off x="904460" y="777186"/>
            <a:ext cx="5377069" cy="5325440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C622E90F-5EAA-C782-98D3-60A7A2AF5776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2168" r="12907"/>
          <a:stretch/>
        </p:blipFill>
        <p:spPr>
          <a:xfrm>
            <a:off x="6281530" y="1106592"/>
            <a:ext cx="5804449" cy="49960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832943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F634578B-5204-5EDB-AD8A-82E676D7AC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r er vist plads til forbedring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D4D324B6-D8BA-F338-169C-0A250AFB5AD0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Fysikeren tages med på råd-udpeger hvor gevinst forventes højst</a:t>
            </a:r>
          </a:p>
          <a:p>
            <a:r>
              <a:rPr lang="da-DK" dirty="0"/>
              <a:t>Penge findes til 2 rum</a:t>
            </a:r>
          </a:p>
          <a:p>
            <a:r>
              <a:rPr lang="da-DK" dirty="0"/>
              <a:t>Der </a:t>
            </a:r>
            <a:r>
              <a:rPr lang="da-DK" dirty="0" err="1"/>
              <a:t>købes…igen</a:t>
            </a:r>
            <a:r>
              <a:rPr lang="da-DK" dirty="0"/>
              <a:t> efter bedste evne og rådgivning</a:t>
            </a:r>
          </a:p>
          <a:p>
            <a:endParaRPr lang="da-DK" dirty="0"/>
          </a:p>
          <a:p>
            <a:r>
              <a:rPr lang="da-DK" dirty="0"/>
              <a:t>HOV!</a:t>
            </a:r>
          </a:p>
          <a:p>
            <a:r>
              <a:rPr lang="da-DK" dirty="0"/>
              <a:t>De nye rastere til et rum virker tunge …meget tunge</a:t>
            </a:r>
          </a:p>
          <a:p>
            <a:r>
              <a:rPr lang="da-DK" dirty="0"/>
              <a:t>Test ≈ større dæmpning… ups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24847C9-2413-3227-56EC-AFF92A7AA451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DAB5548-7253-48D6-B95B-F3D312A72220}" type="slidenum">
              <a:rPr kumimoji="0" lang="da-DK" sz="900" b="1" i="0" u="none" strike="noStrike" kern="1200" cap="none" spc="0" normalizeH="0" baseline="0" noProof="0" smtClean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a-DK" sz="9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8342629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6573608-46D9-BD3F-3A14-C099B25A48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parring søges.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E10374F-85A6-D052-E1B7-ED85EDD8A013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27125" y="3428999"/>
            <a:ext cx="10371275" cy="2268137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Netværkes ringes op</a:t>
            </a:r>
          </a:p>
          <a:p>
            <a:pPr marL="0" indent="0">
              <a:buNone/>
            </a:pPr>
            <a:r>
              <a:rPr lang="da-DK" dirty="0"/>
              <a:t>-”kom og leg”</a:t>
            </a:r>
          </a:p>
          <a:p>
            <a:pPr marL="0" indent="0">
              <a:buNone/>
            </a:pPr>
            <a:r>
              <a:rPr lang="da-DK" dirty="0"/>
              <a:t>Vi må sammen støve viden af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BD48184-5F21-655D-FD68-E1E5C6DFCF55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9888246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ladsholder til indhold 3" descr="Et billede, der indeholder indendørs, rum/stue/værelse, Medicinsk udstyr, hospitalsstue&#10;&#10;Indhold genereret af kunstig intelligens kan være forkert.">
            <a:extLst>
              <a:ext uri="{FF2B5EF4-FFF2-40B4-BE49-F238E27FC236}">
                <a16:creationId xmlns:a16="http://schemas.microsoft.com/office/drawing/2014/main" id="{E3307EBD-F810-0B68-CA4D-853B47BC47D3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96220" y="0"/>
            <a:ext cx="3980047" cy="2985035"/>
          </a:xfrm>
        </p:spPr>
      </p:pic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D3564FE-4374-4562-A095-F70C0C584813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504613" y="6300000"/>
            <a:ext cx="687386" cy="180000"/>
          </a:xfrm>
        </p:spPr>
        <p:txBody>
          <a:bodyPr/>
          <a:lstStyle/>
          <a:p>
            <a:fld id="{667EC89C-17A0-4E64-A6D2-B825673CEEDF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6" name="Billede 5" descr="Et billede, der indeholder person, Ansigt, tøj, briller&#10;&#10;Indhold genereret af kunstig intelligens kan være forkert.">
            <a:extLst>
              <a:ext uri="{FF2B5EF4-FFF2-40B4-BE49-F238E27FC236}">
                <a16:creationId xmlns:a16="http://schemas.microsoft.com/office/drawing/2014/main" id="{90B463C2-810B-4CEF-2A16-D7C18592D3BB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2012"/>
          <a:stretch/>
        </p:blipFill>
        <p:spPr>
          <a:xfrm>
            <a:off x="793719" y="470317"/>
            <a:ext cx="2430862" cy="2527712"/>
          </a:xfrm>
          <a:prstGeom prst="rect">
            <a:avLst/>
          </a:prstGeom>
        </p:spPr>
      </p:pic>
      <p:pic>
        <p:nvPicPr>
          <p:cNvPr id="8" name="Billede 7" descr="Et billede, der indeholder person, tøj, indendørs, tekst&#10;&#10;Indhold genereret af kunstig intelligens kan være forkert.">
            <a:extLst>
              <a:ext uri="{FF2B5EF4-FFF2-40B4-BE49-F238E27FC236}">
                <a16:creationId xmlns:a16="http://schemas.microsoft.com/office/drawing/2014/main" id="{85118501-8674-37ED-EB82-4C68CB7CD0F6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0780"/>
          <a:stretch/>
        </p:blipFill>
        <p:spPr>
          <a:xfrm>
            <a:off x="6914264" y="3066691"/>
            <a:ext cx="3311676" cy="3498011"/>
          </a:xfrm>
          <a:prstGeom prst="rect">
            <a:avLst/>
          </a:prstGeom>
        </p:spPr>
      </p:pic>
      <p:pic>
        <p:nvPicPr>
          <p:cNvPr id="12" name="Billede 11" descr="Et billede, der indeholder person, indendørs, mur, tøj&#10;&#10;Indhold genereret af kunstig intelligens kan være forkert.">
            <a:extLst>
              <a:ext uri="{FF2B5EF4-FFF2-40B4-BE49-F238E27FC236}">
                <a16:creationId xmlns:a16="http://schemas.microsoft.com/office/drawing/2014/main" id="{F325F739-9B16-7C9F-7617-F9B60765D8B0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3719" y="3066691"/>
            <a:ext cx="2675056" cy="3566740"/>
          </a:xfrm>
          <a:prstGeom prst="rect">
            <a:avLst/>
          </a:prstGeom>
        </p:spPr>
      </p:pic>
      <p:pic>
        <p:nvPicPr>
          <p:cNvPr id="14" name="Billede 13" descr="Et billede, der indeholder indendørs, tekst, person, mur&#10;&#10;Indhold genereret af kunstig intelligens kan være forkert.">
            <a:extLst>
              <a:ext uri="{FF2B5EF4-FFF2-40B4-BE49-F238E27FC236}">
                <a16:creationId xmlns:a16="http://schemas.microsoft.com/office/drawing/2014/main" id="{DD07562F-3728-E065-D5C5-DE005FC6F17D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47907" y="12994"/>
            <a:ext cx="3980047" cy="2985035"/>
          </a:xfrm>
          <a:prstGeom prst="rect">
            <a:avLst/>
          </a:prstGeom>
        </p:spPr>
      </p:pic>
      <p:pic>
        <p:nvPicPr>
          <p:cNvPr id="16" name="Billede 15" descr="Et billede, der indeholder indendørs, mur, Medicinsk udstyr, tøj&#10;&#10;Indhold genereret af kunstig intelligens kan være forkert.">
            <a:extLst>
              <a:ext uri="{FF2B5EF4-FFF2-40B4-BE49-F238E27FC236}">
                <a16:creationId xmlns:a16="http://schemas.microsoft.com/office/drawing/2014/main" id="{CF102652-44C3-7A38-4B54-DFAA068AF718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511" t="9179" r="-6511" b="-2698"/>
          <a:stretch/>
        </p:blipFill>
        <p:spPr>
          <a:xfrm>
            <a:off x="3562656" y="3066691"/>
            <a:ext cx="3521466" cy="43909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551677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17EE04F-B3EA-4F85-EBF3-2BB572F498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solidFill>
                  <a:schemeClr val="bg2">
                    <a:lumMod val="50000"/>
                  </a:schemeClr>
                </a:solidFill>
              </a:rPr>
              <a:t>vi </a:t>
            </a:r>
            <a:r>
              <a:rPr lang="da-DK" dirty="0" err="1">
                <a:solidFill>
                  <a:schemeClr val="bg2">
                    <a:lumMod val="50000"/>
                  </a:schemeClr>
                </a:solidFill>
              </a:rPr>
              <a:t>brainstormer</a:t>
            </a:r>
            <a:r>
              <a:rPr lang="da-DK" dirty="0">
                <a:solidFill>
                  <a:schemeClr val="bg2">
                    <a:lumMod val="50000"/>
                  </a:schemeClr>
                </a:solidFill>
              </a:rPr>
              <a:t> – diskuterer – udtænker</a:t>
            </a:r>
            <a:br>
              <a:rPr lang="da-DK" dirty="0">
                <a:solidFill>
                  <a:schemeClr val="bg2">
                    <a:lumMod val="50000"/>
                  </a:schemeClr>
                </a:solidFill>
              </a:rPr>
            </a:br>
            <a:br>
              <a:rPr lang="da-DK" dirty="0">
                <a:solidFill>
                  <a:schemeClr val="bg2">
                    <a:lumMod val="50000"/>
                  </a:schemeClr>
                </a:solidFill>
              </a:rPr>
            </a:br>
            <a:r>
              <a:rPr lang="da-DK" dirty="0">
                <a:solidFill>
                  <a:schemeClr val="bg2">
                    <a:lumMod val="50000"/>
                  </a:schemeClr>
                </a:solidFill>
              </a:rPr>
              <a:t>forsøgsopstilling og mødes 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A3F9336-E094-3283-34A5-7481EB9A3A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5" name="Taleboble: oval 4">
            <a:extLst>
              <a:ext uri="{FF2B5EF4-FFF2-40B4-BE49-F238E27FC236}">
                <a16:creationId xmlns:a16="http://schemas.microsoft.com/office/drawing/2014/main" id="{B73CFB02-58E0-49F1-5F2D-E54860D5AE24}"/>
              </a:ext>
            </a:extLst>
          </p:cNvPr>
          <p:cNvSpPr/>
          <p:nvPr/>
        </p:nvSpPr>
        <p:spPr>
          <a:xfrm>
            <a:off x="2084832" y="4562856"/>
            <a:ext cx="2011680" cy="1609344"/>
          </a:xfrm>
          <a:prstGeom prst="wedgeEllipseCallout">
            <a:avLst/>
          </a:prstGeom>
          <a:solidFill>
            <a:schemeClr val="bg2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Der er viden</a:t>
            </a:r>
          </a:p>
        </p:txBody>
      </p:sp>
      <p:sp>
        <p:nvSpPr>
          <p:cNvPr id="8" name="Tankeboble: sky 7">
            <a:extLst>
              <a:ext uri="{FF2B5EF4-FFF2-40B4-BE49-F238E27FC236}">
                <a16:creationId xmlns:a16="http://schemas.microsoft.com/office/drawing/2014/main" id="{4FAF81BB-F72D-5F2A-6DA6-ED2D20A6778D}"/>
              </a:ext>
            </a:extLst>
          </p:cNvPr>
          <p:cNvSpPr/>
          <p:nvPr/>
        </p:nvSpPr>
        <p:spPr>
          <a:xfrm>
            <a:off x="7278624" y="4306824"/>
            <a:ext cx="3328416" cy="1746504"/>
          </a:xfrm>
          <a:prstGeom prst="cloudCallout">
            <a:avLst/>
          </a:prstGeom>
          <a:solidFill>
            <a:schemeClr val="bg2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Og så er der viden om det vi ikke kan vide</a:t>
            </a:r>
          </a:p>
        </p:txBody>
      </p:sp>
    </p:spTree>
    <p:extLst>
      <p:ext uri="{BB962C8B-B14F-4D97-AF65-F5344CB8AC3E}">
        <p14:creationId xmlns:p14="http://schemas.microsoft.com/office/powerpoint/2010/main" val="3596620538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H PowerPoint-skabelon 2024 (lys)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1262763154359189505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1262763154359189505","enableDocumentContentUpdater":false,"version":"2.0"}]]></TemplafySlideTemplateConfiguration>
</file>

<file path=customXml/item11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12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2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3.xml><?xml version="1.0" encoding="utf-8"?>
<TemplafyTemplateConfiguration><![CDATA[{"elementsMetadata":[{"type":"shape","id":"9e0e4b89-e229-41b4-8186-62a8b7b7c666","elementConfiguration":{"inheritDimensions":"{{InheritDimensions.InheritNone}}","width":"1.91 cm","height":"1.91 cm","image":"{{UserProfile.Office.LogoRef.LogoHRef.Image}}","visibility":"","type":"image","disableUpdates":false}},{"type":"shape","id":"7d4e4780-d87a-4846-a786-ffa0ddcd0efc","elementConfiguration":{"inheritDimensions":"{{InheritDimensions.InheritNone}}","width":"3.68 cm","height":"1.17 cm","image":"{{UserProfile.Ekstralogo.ExtraLogoPPRef.Image}}","visibility":"","type":"image","disableUpdates":false}},{"type":"shape","id":"9cf811cf-6f57-4ad9-a725-cc5c603015da","elementConfiguration":{"inheritDimensions":"{{InheritDimensions.InheritNone}}","width":"6.05 cm","height":"1.9 cm","image":"{{UserProfile.Ekstralogo.ExtraLogoSix_PPRef.Image}}","visibility":"","type":"image","disableUpdates":false}},{"type":"shape","id":"67e97717-a8a5-412e-8b1a-0ec5ea640da5","elementConfiguration":{"binding":"{{UserProfile.Office.Virksomhed}}","visibility":"{{IfElse(Equals(UserProfile.Office.Virksomhed, \"\"), VisibilityType.Hidden, VisibilityType.Visible)}}","type":"text","disableUpdates":false}},{"type":"shape","id":"09600894-333d-48ec-8533-8314e705b4d0","elementConfiguration":{"binding":"{{Form.PresentationTitle}}","visibility":"","type":"text","disableUpdates":false}},{"type":"shape","id":"ecf5f64c-04aa-4054-ba3e-007c8c5eac06","elementConfiguration":{"binding":"{{StringJoin(\" \", UserProfile.Fornavn,UserProfile.Efternavn)}}","visibility":"{{IfElse(Not(Equals(Form.Dato_Manuel, \"\")), VisibilityType.Hidden, VisibilityType.Visible)}}","type":"text","disableUpdates":false}},{"type":"shape","id":"264471f7-3a25-4e9e-ae14-a39d66980820","elementConfiguration":{"binding":"{{Form.Dato_Manuel}}","visibility":"","type":"text","disableUpdates":false}},{"type":"shape","id":"77388a02-bc4a-41a9-b597-e54790ab2739","elementConfiguration":{"binding":"{{UserProfile.CenterFreeText}}","visibility":"{{IfElse(Equals(UserProfile.Centers.Center, \"\"), VisibilityType.Visible, VisibilityType.Hidden)}}","type":"text","disableUpdates":false}},{"type":"shape","id":"f29e2ce5-03d5-4ea4-9eee-a09205f0b194","elementConfiguration":{"binding":"{{UserProfile.Centers.Center}}","visibility":"{{IfElse(Equals(UserProfile.Centers.Center, \"\"), VisibilityType.Hidden, VisibilityType.Visible)}}","type":"text","disableUpdates":false}},{"type":"shape","id":"c5514fcc-0e04-46e0-863f-99097088c45d","elementConfiguration":{"inheritDimensions":"{{InheritDimensions.InheritNone}}","width":"1.91 cm","height":"1.91 cm","image":"{{UserProfile.Office.LogoRef.LogoHRef.Image}}","visibility":"","type":"image","disableUpdates":false}},{"type":"shape","id":"238b2475-70ef-4b0e-99ae-ef1ec677bd20","elementConfiguration":{"inheritDimensions":"{{InheritDimensions.InheritNone}}","width":"3.68 cm","height":"1.17 cm","image":"{{UserProfile.Ekstralogo.ExtraLogoPPRef.Image}}","visibility":"","type":"image","disableUpdates":false}},{"type":"shape","id":"c3c3b245-c749-43b5-82f3-3a308cad1af2","elementConfiguration":{"inheritDimensions":"{{InheritDimensions.InheritNone}}","width":"6.05 cm","height":"1.9 cm","image":"{{UserProfile.Ekstralogo.ExtraLogoSix_PPRef.Image}}","visibility":"","type":"image","disableUpdates":false}},{"type":"shape","id":"4d997592-0fa9-40a2-9d76-3bc3e464fe5e","elementConfiguration":{"binding":"{{UserProfile.Office.Virksomhed}}","visibility":"{{IfElse(Equals(UserProfile.Office.Virksomhed, \"\"), VisibilityType.Hidden, VisibilityType.Visible)}}","type":"text","disableUpdates":false}},{"type":"shape","id":"2cc0e4e4-78f3-4e70-9f16-a31de4b27393","elementConfiguration":{"binding":"{{Form.PresentationTitle}}","visibility":"","type":"text","disableUpdates":false}},{"type":"shape","id":"15b812c8-40fc-4b47-9313-4c1e364947d0","elementConfiguration":{"binding":"{{StringJoin(\" \", UserProfile.Fornavn,UserProfile.Efternavn)}}","visibility":"{{IfElse(Not(Equals(Form.Dato_Manuel, \"\")), VisibilityType.Hidden, VisibilityType.Visible)}}","type":"text","disableUpdates":false}},{"type":"shape","id":"7723abf5-a3ab-4814-8d96-dd59064f7316","elementConfiguration":{"binding":"{{Form.Dato_Manuel}}","visibility":"","type":"text","disableUpdates":false}},{"type":"shape","id":"16bdb0ab-63c1-45e7-a871-0a9121092159","elementConfiguration":{"binding":"{{UserProfile.CenterFreeText}}","visibility":"{{IfElse(Equals(UserProfile.Centers.Center, \"\"), VisibilityType.Visible, VisibilityType.Hidden)}}","type":"text","disableUpdates":false}},{"type":"shape","id":"cc73106b-3128-4e5d-8460-c7215d7e9448","elementConfiguration":{"binding":"{{UserProfile.Centers.Center}}","visibility":"{{IfElse(Equals(UserProfile.Centers.Center, \"\"), VisibilityType.Hidden, VisibilityType.Visible)}}","type":"text","disableUpdates":false}},{"type":"shape","id":"3aa02ef1-1442-4abc-9e7d-5e2800161476","elementConfiguration":{"inheritDimensions":"{{InheritDimensions.InheritNone}}","width":"6.05 cm","height":"1.9 cm","image":"{{UserProfile.Ekstralogo.ExtraLogoSix_PPRef.Image}}","visibility":"","type":"image","disableUpdates":false}},{"type":"shape","id":"e3de70f2-8c3c-4973-947f-f1ce48c08e72","elementConfiguration":{"inheritDimensions":"{{InheritDimensions.InheritNone}}","width":"3.68 cm","height":"1.17 cm","image":"{{UserProfile.Ekstralogo.ExtraLogoPPRef.Image}}","visibility":"","type":"image","disableUpdates":false}},{"type":"shape","id":"105812ba-3ae4-4856-94c1-2857b2e65e97","elementConfiguration":{"binding":"{{Form.PresentationTitle}}","visibility":"","type":"text","disableUpdates":false}},{"type":"shape","id":"181a657e-9e47-4bba-8ef2-8ae5538e2b63","elementConfiguration":{"binding":"{{StringJoin(\" \", UserProfile.Fornavn,UserProfile.Efternavn)}}","visibility":"{{IfElse(Not(Equals(Form.Dato_Manuel, \"\")), VisibilityType.Hidden, VisibilityType.Visible)}}","type":"text","disableUpdates":false}},{"type":"shape","id":"db2d3f2c-2fa7-44fa-bc93-ba97440eb020","elementConfiguration":{"binding":"{{Form.Dato_Manuel}}","visibility":"","type":"text","disableUpdates":false}},{"type":"shape","id":"06695ac4-37b7-4c93-966a-87703e7ab148","elementConfiguration":{"inheritDimensions":"{{InheritDimensions.InheritNone}}","width":"1.91 cm","height":"1.91 cm","image":"{{UserProfile.Office.LogoRef.LogoHRef.Image}}","visibility":"","type":"image","disableUpdates":false}},{"type":"shape","id":"c4459325-7b2f-4659-82f6-583a000ecf1c","elementConfiguration":{"inheritDimensions":"{{InheritDimensions.InheritNone}}","width":"3.68 cm","height":"1.17 cm","image":"{{UserProfile.Ekstralogo.ExtraLogoPPRef.Image}}","visibility":"","type":"image","disableUpdates":false}},{"type":"shape","id":"3dd1391e-b326-42c1-ad30-c4b7dd651335","elementConfiguration":{"inheritDimensions":"{{InheritDimensions.InheritNone}}","width":"6.05 cm","height":"1.9 cm","image":"{{UserProfile.Ekstralogo.ExtraLogoSix_PPRef.Image}}","visibility":"","type":"image","disableUpdates":false}},{"type":"shape","id":"69df8723-c428-4562-89ef-5b87a2f96a43","elementConfiguration":{"binding":"{{UserProfile.Office.Virksomhed}}","visibility":"{{IfElse(Equals(UserProfile.Office.Virksomhed, \"\"), VisibilityType.Hidden, VisibilityType.Visible)}}","type":"text","disableUpdates":false}},{"type":"shape","id":"c567b9e8-a083-49fb-a902-c2c22bf16be0","elementConfiguration":{"binding":"{{Form.PresentationTitle}}","visibility":"","type":"text","disableUpdates":false}},{"type":"shape","id":"ba7bc7b1-c866-40f4-8e5f-09173b5bb428","elementConfiguration":{"binding":"{{StringJoin(\" \", UserProfile.Fornavn,UserProfile.Efternavn)}}","visibility":"{{IfElse(Not(Equals(Form.Dato_Manuel, \"\")), VisibilityType.Hidden, VisibilityType.Visible)}}","type":"text","disableUpdates":false}},{"type":"shape","id":"ac1be70c-2d00-457e-b802-742e61ba6906","elementConfiguration":{"binding":"{{Form.Dato_Manuel}}","visibility":"","type":"text","disableUpdates":false}},{"type":"shape","id":"aec96cc8-20de-47b2-a974-b5a11e33aad9","elementConfiguration":{"binding":"{{UserProfile.CenterFreeText}}","visibility":"{{IfElse(Equals(UserProfile.Centers.Center, \"\"), VisibilityType.Visible, VisibilityType.Hidden)}}","type":"text","disableUpdates":false}},{"type":"shape","id":"32ff570a-d010-4e6f-b7ef-53b90b73c864","elementConfiguration":{"binding":"{{UserProfile.Centers.Center}}","visibility":"{{IfElse(Equals(UserProfile.Centers.Center, \"\"), VisibilityType.Hidden, VisibilityType.Visible)}}","type":"text","disableUpdates":false}},{"type":"shape","id":"724dfe8f-3213-44f6-9671-dd9f6ac4f7be","elementConfiguration":{"inheritDimensions":"{{InheritDimensions.InheritNone}}","width":"1.91 cm","height":"1.91 cm","image":"{{UserProfile.Office.LogoRef.LogoHRef.Image}}","visibility":"","type":"image","disableUpdates":false}},{"type":"shape","id":"a001fba6-ab9f-44db-a247-330ac5ee69d7","elementConfiguration":{"binding":"{{UserProfile.Office.Virksomhed}}","visibility":"{{IfElse(Equals(UserProfile.Office.Virksomhed, \"\"), VisibilityType.Hidden, VisibilityType.Visible)}}","type":"text","disableUpdates":false}},{"type":"shape","id":"fff27890-3447-484f-9cf2-34803fd4908d","elementConfiguration":{"binding":"{{UserProfile.CenterFreeText}}","visibility":"{{IfElse(Equals(UserProfile.Centers.Center, \"\"), VisibilityType.Visible, VisibilityType.Hidden)}}","type":"text","disableUpdates":false}},{"type":"shape","id":"381cc29a-e052-4fdd-94e4-4e98cfcdaf27","elementConfiguration":{"binding":"{{UserProfile.Centers.Center}}","visibility":"{{IfElse(Equals(UserProfile.Centers.Center, \"\"), VisibilityType.Hidden, VisibilityType.Visible)}}","type":"text","disableUpdates":false}},{"type":"shape","id":"3584d28c-cfac-42af-99ec-0c4a6b118a5e","elementConfiguration":{"inheritDimensions":"{{InheritDimensions.InheritNone}}","width":"6.05 cm","height":"1.9 cm","image":"{{UserProfile.Ekstralogo.ExtraLogoSix_PPRef.Image}}","visibility":"","type":"image","disableUpdates":false}},{"type":"shape","id":"a5e5065f-0366-4307-b9b4-963eeb795d31","elementConfiguration":{"inheritDimensions":"{{InheritDimensions.InheritNone}}","width":"3.68 cm","height":"1.17 cm","image":"{{UserProfile.Ekstralogo.ExtraLogoPPRef.Image}}","visibility":"","type":"image","disableUpdates":false}},{"type":"shape","id":"8caaf36d-8d77-47e3-b9ab-235ad5f44e06","elementConfiguration":{"binding":"{{Form.PresentationTitle}}","visibility":"","type":"text","disableUpdates":false}},{"type":"shape","id":"5ad4aa97-eba5-410d-af3e-820654fdbc64","elementConfiguration":{"binding":"{{StringJoin(\" \", UserProfile.Fornavn,UserProfile.Efternavn)}}","visibility":"{{IfElse(Not(Equals(Form.Dato_Manuel, \"\")), VisibilityType.Hidden, VisibilityType.Visible)}}","type":"text","disableUpdates":false}},{"type":"shape","id":"6ffc37e5-be5d-4947-8669-1e47a1910da0","elementConfiguration":{"binding":"{{Form.Dato_Manuel}}","visibility":"","type":"text","disableUpdates":false}},{"type":"shape","id":"9ff626a0-260a-42d5-8685-093df36ce14f","elementConfiguration":{"inheritDimensions":"{{InheritDimensions.InheritNone}}","width":"1.91 cm","height":"1.91 cm","image":"{{UserProfile.Office.LogoRef.LogoHRef.Image}}","visibility":"","type":"image","disableUpdates":false}},{"type":"shape","id":"750f77fe-e850-4f75-b7a4-18202a795c4f","elementConfiguration":{"inheritDimensions":"{{InheritDimensions.InheritNone}}","width":"1.91 cm","height":"1.91 cm","image":"{{UserProfile.Office.LogoRef.LogoHRef.Image}}","visibility":"","type":"image","disableUpdates":false}},{"type":"shape","id":"3b73d3a2-67a5-49a5-a48b-396bbe553b83","elementConfiguration":{"inheritDimensions":"{{InheritDimensions.InheritNone}}","width":"6.05 cm","height":"1.9 cm","image":"{{UserProfile.Ekstralogo.ExtraLogoSix_PPRef.Image}}","visibility":"","type":"image","disableUpdates":false}},{"type":"shape","id":"0a425368-2671-4530-81b8-3bfd62a6e60d","elementConfiguration":{"inheritDimensions":"{{InheritDimensions.InheritNone}}","width":"3.68 cm","height":"1.17 cm","image":"{{UserProfile.Ekstralogo.ExtraLogoPPRef.Image}}","visibility":"","type":"image","disableUpdates":false}},{"type":"shape","id":"1c9c3d33-39ee-4ba1-a7e5-6df27796d3c8","elementConfiguration":{"binding":"{{UserProfile.Office.Virksomhed}}","visibility":"{{IfElse(Equals(UserProfile.Office.Virksomhed, \"\"), VisibilityType.Hidden, VisibilityType.Visible)}}","type":"text","disableUpdates":false}},{"type":"shape","id":"7b206b9f-af42-4e55-8c53-628a5248df68","elementConfiguration":{"binding":"{{Form.PresentationTitle}}","visibility":"","type":"text","disableUpdates":false}},{"type":"shape","id":"e0758f83-5b3c-40f1-9399-039fe5cae4ac","elementConfiguration":{"binding":"{{StringJoin(\" \", UserProfile.Fornavn,UserProfile.Efternavn)}}","visibility":"{{IfElse(Not(Equals(Form.Dato_Manuel, \"\")), VisibilityType.Hidden, VisibilityType.Visible)}}","type":"text","disableUpdates":false}},{"type":"shape","id":"e997cc6f-13eb-443d-bdd0-80f90c948e1b","elementConfiguration":{"binding":"{{Form.Dato_Manuel}}","visibility":"","type":"text","disableUpdates":false}},{"type":"shape","id":"99d38e34-c999-4ec0-b0ce-91eed92772e2","elementConfiguration":{"binding":"{{UserProfile.CenterFreeText}}","visibility":"{{IfElse(Equals(UserProfile.Centers.Center, \"\"), VisibilityType.Visible, VisibilityType.Hidden)}}","type":"text","disableUpdates":false}},{"type":"shape","id":"bf38fb5a-9255-4cdb-8485-0984fc92b609","elementConfiguration":{"binding":"{{UserProfile.Centers.Center}}","visibility":"{{IfElse(Equals(UserProfile.Centers.Center, \"\"), VisibilityType.Hidden, VisibilityType.Visible)}}","type":"text","disableUpdates":false}},{"type":"shape","id":"45befa23-a506-4af9-b0c5-5818e75bd2d8","elementConfiguration":{"inheritDimensions":"{{InheritDimensions.InheritNone}}","width":"1.91 cm","height":"1.91 cm","image":"{{UserProfile.Office.LogoRef.LogoHRef.Image}}","visibility":"","type":"image","disableUpdates":false}},{"type":"shape","id":"0b1969c3-c930-4cbc-93b7-03c77a1b6913","elementConfiguration":{"inheritDimensions":"{{InheritDimensions.InheritNone}}","width":"3.68 cm","height":"1.17 cm","image":"{{UserProfile.Ekstralogo.ExtraLogoPPRef.Image}}","visibility":"","type":"image","disableUpdates":false}},{"type":"shape","id":"75eecafd-4be7-4d5b-af21-f8e75a75d21f","elementConfiguration":{"inheritDimensions":"{{InheritDimensions.InheritNone}}","width":"6.05 cm","height":"1.9 cm","image":"{{UserProfile.Ekstralogo.ExtraLogoSix_PPRef.Image}}","visibility":"","type":"image","disableUpdates":false}},{"type":"shape","id":"130a9f65-72da-46fa-9e6e-886b607289e9","elementConfiguration":{"binding":"{{Form.PresentationTitle}}","visibility":"","type":"text","disableUpdates":false}},{"type":"shape","id":"4598ec7b-6daa-43fb-a0c2-a509863d15a9","elementConfiguration":{"binding":"{{StringJoin(\" \", UserProfile.Fornavn,UserProfile.Efternavn)}}","visibility":"{{IfElse(Not(Equals(Form.Dato_Manuel, \"\")), VisibilityType.Hidden, VisibilityType.Visible)}}","type":"text","disableUpdates":false}},{"type":"shape","id":"8561d551-2abd-4ae9-a693-e1138f4e9cac","elementConfiguration":{"binding":"{{Form.Dato_Manuel}}","visibility":"","type":"text","disableUpdates":false}},{"type":"shape","id":"2bf0de8a-1fc5-4281-867c-139cd366898d","elementConfiguration":{"binding":"{{UserProfile.CenterFreeText}}","visibility":"{{IfElse(Equals(UserProfile.Centers.Center, \"\"), VisibilityType.Visible, VisibilityType.Hidden)}}","type":"text","disableUpdates":false}},{"type":"shape","id":"c36cff34-b21f-4da0-8bdf-657f5be6ef76","elementConfiguration":{"binding":"{{UserProfile.Centers.Center}}","visibility":"{{IfElse(Equals(UserProfile.Centers.Center, \"\"), VisibilityType.Hidden, VisibilityType.Visible)}}","type":"text","disableUpdates":false}},{"type":"shape","id":"ba1f5a21-5366-4fc3-a95a-109c248d56ff","elementConfiguration":{"binding":"{{UserProfile.Office.Virksomhed}}","visibility":"{{IfElse(Equals(UserProfile.Office.Virksomhed, \"\"), VisibilityType.Hidden, VisibilityType.Visible)}}","type":"text","disableUpdates":false}},{"type":"shape","id":"2257e31c-77ef-412d-9d37-f5c14d34907c","elementConfiguration":{"inheritDimensions":"{{InheritDimensions.InheritNone}}","width":"1.91 cm","height":"1.91 cm","image":"{{UserProfile.Office.LogoRef.LogoHRef.Image}}","visibility":"","type":"image","disableUpdates":false}},{"type":"shape","id":"1b26babe-a053-4044-817d-edd116679662","elementConfiguration":{"inheritDimensions":"{{InheritDimensions.InheritNone}}","width":"3.68 cm","height":"1.17 cm","image":"{{UserProfile.Ekstralogo.ExtraLogoPPRef.Image}}","visibility":"","type":"image","disableUpdates":false}},{"type":"shape","id":"203b03d4-a9ef-470a-8e81-61111dc0564b","elementConfiguration":{"inheritDimensions":"{{InheritDimensions.InheritNone}}","width":"6.05 cm","height":"1.9 cm","image":"{{UserProfile.Ekstralogo.ExtraLogoSix_PPRef.Image}}","visibility":"","type":"image","disableUpdates":false}},{"type":"shape","id":"cc2d4f0f-ea28-4239-be55-7d505ea6ded3","elementConfiguration":{"binding":"{{UserProfile.Office.Virksomhed}}","visibility":"{{IfElse(Equals(UserProfile.Office.Virksomhed, \"\"), VisibilityType.Hidden, VisibilityType.Visible)}}","type":"text","disableUpdates":false}},{"type":"shape","id":"0bfc9558-f0ab-44d3-9d67-50ae8f730592","elementConfiguration":{"binding":"{{Form.PresentationTitle}}","visibility":"","type":"text","disableUpdates":false}},{"type":"shape","id":"80b19425-87bf-4ce8-81fe-acda0ee6bd24","elementConfiguration":{"binding":"{{StringJoin(\" \", UserProfile.Fornavn,UserProfile.Efternavn)}}","visibility":"{{IfElse(Not(Equals(Form.Dato_Manuel, \"\")), VisibilityType.Hidden, VisibilityType.Visible)}}","type":"text","disableUpdates":false}},{"type":"shape","id":"3faec6bb-6fd2-4ef4-bb49-99eb0872863e","elementConfiguration":{"binding":"{{Form.Dato_Manuel}}","visibility":"","type":"text","disableUpdates":false}},{"type":"shape","id":"bd9a47a5-5059-46a3-80cf-eebb1045125e","elementConfiguration":{"binding":"{{UserProfile.CenterFreeText}}","visibility":"{{IfElse(Equals(UserProfile.Centers.Center, \"\"), VisibilityType.Visible, VisibilityType.Hidden)}}","type":"text","disableUpdates":false}},{"type":"shape","id":"dcd75dec-16d1-49a7-8070-aabdd07d170f","elementConfiguration":{"binding":"{{UserProfile.Centers.Center}}","visibility":"{{IfElse(Equals(UserProfile.Centers.Center, \"\"), VisibilityType.Hidden, VisibilityType.Visible)}}","type":"text","disableUpdates":false}},{"type":"shape","id":"b3184cf7-1d35-44e2-a9d7-a8abea6fd302","elementConfiguration":{"inheritDimensions":"{{InheritDimensions.InheritNone}}","width":"1.91 cm","height":"1.91 cm","image":"{{UserProfile.Office.LogoRef.LogoHRef.Image}}","visibility":"","type":"image","disableUpdates":false}},{"type":"shape","id":"bcce677e-fed3-42bc-89ab-616ca3d4f23b","elementConfiguration":{"inheritDimensions":"{{InheritDimensions.InheritNone}}","width":"3.68 cm","height":"1.17 cm","image":"{{UserProfile.Ekstralogo.ExtraLogoPPRef.Image}}","visibility":"","type":"image","disableUpdates":false}},{"type":"shape","id":"8298d1b9-4104-4895-9746-720cbb27d4c2","elementConfiguration":{"inheritDimensions":"{{InheritDimensions.InheritNone}}","width":"6.05 cm","height":"1.9 cm","image":"{{UserProfile.Ekstralogo.ExtraLogoSix_PPRef.Image}}","visibility":"","type":"image","disableUpdates":false}},{"type":"shape","id":"8f9321f9-0bd4-45a5-a64a-e2cfb0444408","elementConfiguration":{"binding":"{{UserProfile.Office.Virksomhed}}","visibility":"{{IfElse(Equals(UserProfile.Office.Virksomhed, \"\"), VisibilityType.Hidden, VisibilityType.Visible)}}","type":"text","disableUpdates":false}},{"type":"shape","id":"b6ec9ae4-821e-424e-8b79-d719bd1022ba","elementConfiguration":{"binding":"{{UserProfile.CenterFreeText}}","visibility":"{{IfElse(Equals(UserProfile.Centers.Center, \"\"), VisibilityType.Visible, VisibilityType.Hidden)}}","type":"text","disableUpdates":false}},{"type":"shape","id":"e1c0573a-b946-44d4-8ea0-78e6598d72d4","elementConfiguration":{"binding":"{{UserProfile.Centers.Center}}","visibility":"{{IfElse(Equals(UserProfile.Centers.Center, \"\"), VisibilityType.Hidden, VisibilityType.Visible)}}","type":"text","disableUpdates":false}},{"type":"shape","id":"c459710d-e9dc-4454-b0f3-1a3bd6081db4","elementConfiguration":{"binding":"{{Form.PresentationTitle}}","visibility":"","type":"text","disableUpdates":false}},{"type":"shape","id":"89b08131-6225-49f4-9841-93bc813e042e","elementConfiguration":{"binding":"{{StringJoin(\" \", UserProfile.Fornavn,UserProfile.Efternavn)}}","visibility":"{{IfElse(Not(Equals(Form.Dato_Manuel, \"\")), VisibilityType.Hidden, VisibilityType.Visible)}}","type":"text","disableUpdates":false}},{"type":"shape","id":"c38afb06-4d5c-4f2b-9c66-155cddddd881","elementConfiguration":{"binding":"{{Form.Dato_Manuel}}","visibility":"","type":"text","disableUpdates":false}},{"type":"shape","id":"c6cd33db-a7a5-4b6d-8983-81fd84348edb","elementConfiguration":{"inheritDimensions":"{{InheritDimensions.InheritNone}}","width":"1.91 cm","height":"1.91 cm","image":"{{UserProfile.Office.LogoRef.LogoHRef.Image}}","visibility":"","type":"image","disableUpdates":false}},{"type":"shape","id":"46d5e160-4639-40ac-bde9-6b9bd0766779","elementConfiguration":{"binding":"{{UserProfile.Office.Virksomhed}}","visibility":"{{IfElse(Equals(UserProfile.Office.Virksomhed, \"\"), VisibilityType.Hidden, VisibilityType.Visible)}}","type":"text","disableUpdates":false}},{"type":"shape","id":"93a07778-984e-4624-b04d-33c511bf2ada","elementConfiguration":{"binding":"{{UserProfile.CenterFreeText}}","visibility":"{{IfElse(Equals(UserProfile.Centers.Center, \"\"), VisibilityType.Visible, VisibilityType.Hidden)}}","type":"text","disableUpdates":false}},{"type":"shape","id":"2d802238-ecb8-463a-957a-dc6855e98276","elementConfiguration":{"binding":"{{UserProfile.Centers.Center}}","visibility":"{{IfElse(Equals(UserProfile.Centers.Center, \"\"), VisibilityType.Hidden, VisibilityType.Visible)}}","type":"text","disableUpdates":false}},{"type":"shape","id":"61d6fc60-f8c0-461f-b9db-c786472ba309","elementConfiguration":{"inheritDimensions":"{{InheritDimensions.InheritNone}}","width":"6.05 cm","height":"1.9 cm","image":"{{UserProfile.Ekstralogo.ExtraLogoSix_PPRef.Image}}","visibility":"","type":"image","disableUpdates":false}},{"type":"shape","id":"562ab6bf-73b2-4667-8854-631d3ab067a3","elementConfiguration":{"inheritDimensions":"{{InheritDimensions.InheritNone}}","width":"3.68 cm","height":"1.17 cm","image":"{{UserProfile.Ekstralogo.ExtraLogoPPRef.Image}}","visibility":"","type":"image","disableUpdates":false}},{"type":"shape","id":"059d170c-8f3a-48dd-a9ef-7798795383c6","elementConfiguration":{"binding":"{{Form.PresentationTitle}}","visibility":"","type":"text","disableUpdates":false}},{"type":"shape","id":"14386fcb-3cd5-4d4d-a856-4e4b29ce4d96","elementConfiguration":{"binding":"{{StringJoin(\" \", UserProfile.Fornavn,UserProfile.Efternavn)}}","visibility":"{{IfElse(Not(Equals(Form.Dato_Manuel, \"\")), VisibilityType.Hidden, VisibilityType.Visible)}}","type":"text","disableUpdates":false}},{"type":"shape","id":"b5ede55f-5542-4a80-a72b-f00854415b31","elementConfiguration":{"binding":"{{Form.Dato_Manuel}}","visibility":"","type":"text","disableUpdates":false}},{"type":"shape","id":"cc50074d-f8f3-47a0-8551-1f3819fb6d39","elementConfiguration":{"inheritDimensions":"{{InheritDimensions.InheritNone}}","width":"1.91 cm","height":"1.91 cm","image":"{{UserProfile.Office.LogoRef.LogoHRef.Image}}","visibility":"","type":"image","disableUpdates":false}},{"type":"shape","id":"58c81c42-3f55-44f9-9f81-83b80982ea6a","elementConfiguration":{"inheritDimensions":"{{InheritDimensions.InheritNone}}","width":"1.91 cm","height":"1.91 cm","image":"{{UserProfile.Office.LogoRef.LogoHRef.Image}}","visibility":"","type":"image","disableUpdates":false}},{"type":"shape","id":"3e05a794-c096-480b-ba07-18e88e6fa018","elementConfiguration":{"binding":"{{UserProfile.Office.Virksomhed}}","visibility":"{{IfElse(Equals(UserProfile.Office.Virksomhed, \"\"), VisibilityType.Hidden, VisibilityType.Visible)}}","type":"text","disableUpdates":false}},{"type":"shape","id":"92fcda93-bb14-4261-9599-b40fb9d89e3a","elementConfiguration":{"binding":"{{UserProfile.CenterFreeText}}","visibility":"{{IfElse(Equals(UserProfile.Centers.Center, \"\"), VisibilityType.Visible, VisibilityType.Hidden)}}","type":"text","disableUpdates":false}},{"type":"shape","id":"66a2485e-cc64-4b4b-9510-46e84c3a5169","elementConfiguration":{"binding":"{{UserProfile.Centers.Center}}","visibility":"{{IfElse(Equals(UserProfile.Centers.Center, \"\"), VisibilityType.Hidden, VisibilityType.Visible)}}","type":"text","disableUpdates":false}},{"type":"shape","id":"814ecafb-8220-43cc-b083-8a0c59bfba74","elementConfiguration":{"inheritDimensions":"{{InheritDimensions.InheritNone}}","width":"6.05 cm","height":"1.9 cm","image":"{{UserProfile.Ekstralogo.ExtraLogoSix_PPRef.Image}}","visibility":"","type":"image","disableUpdates":false}},{"type":"shape","id":"710c51d3-a9b4-41e4-bada-5795b99e9935","elementConfiguration":{"inheritDimensions":"{{InheritDimensions.InheritNone}}","width":"3.68 cm","height":"1.17 cm","image":"{{UserProfile.Ekstralogo.ExtraLogoPPRef.Image}}","visibility":"","type":"image","disableUpdates":false}},{"type":"shape","id":"bc2461c2-3d32-49ac-973a-d4726bb05258","elementConfiguration":{"binding":"{{Form.PresentationTitle}}","visibility":"","type":"text","disableUpdates":false}},{"type":"shape","id":"4c6e3120-5a34-4e34-959a-d96595cca4ec","elementConfiguration":{"binding":"{{StringJoin(\" \", UserProfile.Fornavn,UserProfile.Efternavn)}}","visibility":"{{IfElse(Not(Equals(Form.Dato_Manuel, \"\")), VisibilityType.Hidden, VisibilityType.Visible)}}","type":"text","disableUpdates":false}},{"type":"shape","id":"1ede6920-966d-4f33-b5ac-2d12ce469361","elementConfiguration":{"binding":"{{Form.Dato_Manuel}}","visibility":"","type":"text","disableUpdates":false}},{"type":"shape","id":"f22145b3-33d7-4196-bc4c-c7d3d306f0dd","elementConfiguration":{"inheritDimensions":"{{InheritDimensions.InheritNone}}","width":"1.91 cm","height":"1.91 cm","image":"{{UserProfile.Office.LogoRef.LogoHRef.Image}}","visibility":"","type":"image","disableUpdates":false}},{"type":"shape","id":"26ab051c-84cc-42d1-86ff-8b5d97c501b8","elementConfiguration":{"binding":"{{Form.PresentationTitle}}","visibility":"{{IfElse(Equals(Form.PresentationTitle, \"\"), VisibilityType.Hidden, VisibilityType.Visible)}}","type":"text","disableUpdates":false}},{"type":"shape","id":"ffc2db84-6e95-4e90-86ff-cb4ac3cfa690","elementConfiguration":{"binding":"{{Form.Dato_Manuel}}","visibility":"{{IfElse(Equals(Form.Dato_Manuel, \"\"), VisibilityType.Hidden, VisibilityType.Visible)}}","type":"text","disableUpdates":false}},{"type":"shape","id":"310e88fd-4ee2-44c5-a1f6-a711dc69a53e","elementConfiguration":{"binding":"{{StringJoin(\" \", UserProfile.Fornavn,UserProfile.Efternavn)}}","visibility":"{{IfElse(Not(Equals(Form.Dato_Manuel, \"\")), VisibilityType.Hidden, VisibilityType.Visible)}}","type":"text","disableUpdates":false}},{"type":"shape","id":"bfecab08-9369-44e0-8b3f-8376cb460cf5","elementConfiguration":{"binding":"{{UserProfile.Office.Virksomhed}}","visibility":"{{IfElse(Equals(UserProfile.Office.Virksomhed, \"\"), VisibilityType.Hidden, VisibilityType.Visible)}}","type":"text","disableUpdates":false}},{"type":"shape","id":"9a185b54-803a-4123-bf8b-aa5f72d5f165","elementConfiguration":{"inheritDimensions":"{{InheritDimensions.InheritNone}}","width":"3.68 cm","height":"1.17 cm","image":"{{UserProfile.Ekstralogo.ExtraLogoPPNEGRef.Image}}","visibility":"","type":"image","disableUpdates":false}},{"type":"shape","id":"0b179b7e-f7d0-4483-9409-8c76663addde","elementConfiguration":{"inheritDimensions":"{{InheritDimensions.InheritNone}}","width":"6.05 cm","height":"1.9 cm","image":"{{UserProfile.Ekstralogo.ExtraLogoSixNEG_PPRef.Image}}","visibility":"","type":"image","disableUpdates":false}},{"type":"shape","id":"a5134f1e-b607-4e7e-b9de-cf5de7853352","elementConfiguration":{"binding":"{{UserProfile.CenterFreeText}}","visibility":"{{IfElse(Equals(UserProfile.Centers.Center, \"\"), VisibilityType.Visible, VisibilityType.Hidden)}}","type":"text","disableUpdates":false}},{"type":"shape","id":"6a580d55-4a90-4edf-9fd5-b6530575aba9","elementConfiguration":{"binding":"{{UserProfile.Centers.Center}}","visibility":"{{IfElse(Equals(UserProfile.Centers.Center, \"\"), VisibilityType.Hidden, VisibilityType.Visible)}}","type":"text","disableUpdates":false}},{"type":"shape","id":"8d5926a4-73f3-46a9-985c-f5de763378c8","elementConfiguration":{"inheritDimensions":"{{InheritDimensions.InheritNone}}","width":"1.91 cm","height":"1.91 cm","image":"{{UserProfile.Office.LogoRef.LogoHRef.Image}}","visibility":"","type":"image","disableUpdates":false}},{"type":"shape","id":"032dccbd-6f68-4302-82a2-d37b1f4ae52a","elementConfiguration":{"inheritDimensions":"{{InheritDimensions.InheritNone}}","width":"3.68 cm","height":"1.17 cm","image":"{{UserProfile.Ekstralogo.ExtraLogoPPRef.Image}}","visibility":"","type":"image","disableUpdates":false}},{"type":"shape","id":"be3f85c3-da4c-4f24-970f-fb3b833179ae","elementConfiguration":{"binding":"{{Form.PresentationTitle}}","visibility":"","type":"text","disableUpdates":false}},{"type":"shape","id":"034203eb-d04b-462a-9b2d-454a0c5f6caa","elementConfiguration":{"binding":"{{StringJoin(\" \", UserProfile.Fornavn,UserProfile.Efternavn)}}","visibility":"{{IfElse(Not(Equals(Form.Dato_Manuel, \"\")), VisibilityType.Hidden, VisibilityType.Visible)}}","type":"text","disableUpdates":false}},{"type":"shape","id":"765fae43-4005-44a4-ac51-5cb4eb4c292d","elementConfiguration":{"binding":"{{Form.Dato_Manuel}}","visibility":"","type":"text","disableUpdates":false}},{"type":"shape","id":"88507ad3-9fee-48fa-8701-1937ebeb2d40","elementConfiguration":{"inheritDimensions":"{{InheritDimensions.InheritNone}}","width":"6.05 cm","height":"1.9 cm","image":"{{UserProfile.Ekstralogo.ExtraLogoSix_PPRef.Image}}","visibility":"","type":"image","disableUpdates":false}},{"type":"shape","id":"e2e91edc-ed6e-4af1-8edf-cec21ab0c80c","elementConfiguration":{"binding":"{{UserProfile.Office.Virksomhed}}","visibility":"{{IfElse(Equals(UserProfile.Office.Virksomhed, \"\"), VisibilityType.Hidden, VisibilityType.Visible)}}","type":"text","disableUpdates":false}},{"type":"shape","id":"6be64239-9ec7-4705-a65c-869e3db4e91c","elementConfiguration":{"binding":"{{UserProfile.CenterFreeText}}","visibility":"{{IfElse(Equals(UserProfile.Centers.Center, \"\"), VisibilityType.Visible, VisibilityType.Hidden)}}","type":"text","disableUpdates":false}},{"type":"shape","id":"6c6348e1-26fc-4344-be5c-b9790379447d","elementConfiguration":{"binding":"{{UserProfile.Centers.Center}}","visibility":"{{IfElse(Equals(UserProfile.Centers.Center, \"\"), VisibilityType.Hidden, VisibilityType.Visible)}}","type":"text","disableUpdates":false}},{"type":"shape","id":"e7b22b68-0b9e-492f-b27b-1f6ceb70057e","elementConfiguration":{"inheritDimensions":"{{InheritDimensions.InheritNone}}","width":"3.68 cm","height":"1.17 cm","image":"{{UserProfile.Ekstralogo.ExtraLogoPPRef.Image}}","visibility":"","type":"image","disableUpdates":false}},{"type":"shape","id":"5203ed9c-8624-4e5d-a99d-1c576f24d148","elementConfiguration":{"inheritDimensions":"{{InheritDimensions.InheritNone}}","width":"6.05 cm","height":"1.9 cm","image":"{{UserProfile.Ekstralogo.ExtraLogoSix_PPRef.Image}}","visibility":"","type":"image","disableUpdates":false}},{"type":"shape","id":"bfb41c08-5f68-43d5-8362-3d0b8d9a237a","elementConfiguration":{"binding":"{{Form.PresentationTitle}}","visibility":"","type":"text","disableUpdates":false}},{"type":"shape","id":"600502e4-d7a3-4b5c-9036-0e723dc21068","elementConfiguration":{"binding":"{{StringJoin(\" \", UserProfile.Fornavn,UserProfile.Efternavn)}}","visibility":"{{IfElse(Not(Equals(Form.Dato_Manuel, \"\")), VisibilityType.Hidden, VisibilityType.Visible)}}","type":"text","disableUpdates":false}},{"type":"shape","id":"2161cff7-e732-4c45-ba84-0ea617a5f099","elementConfiguration":{"binding":"{{Form.Dato_Manuel}}","visibility":"","type":"text","disableUpdates":false}},{"type":"shape","id":"cce079e5-77a9-4dbb-8eaa-7bf1a9900d0b","elementConfiguration":{"inheritDimensions":"{{InheritDimensions.InheritNone}}","width":"1.91 cm","height":"1.91 cm","image":"{{UserProfile.Office.LogoRef.LogoHRef.Image}}","visibility":"","type":"image","disableUpdates":false}},{"type":"shape","id":"288b02f5-55c8-40d3-8564-1c956f3af007","elementConfiguration":{"inheritDimensions":"{{InheritDimensions.InheritNone}}","width":"3.68 cm","height":"1.17 cm","image":"{{UserProfile.Ekstralogo.ExtraLogoPPRef.Image}}","visibility":"","type":"image","disableUpdates":false}},{"type":"shape","id":"ad1c6de9-3ee0-491b-a06a-20beafcad4d6","elementConfiguration":{"inheritDimensions":"{{InheritDimensions.InheritNone}}","width":"6.05 cm","height":"1.9 cm","image":"{{UserProfile.Ekstralogo.ExtraLogoSix_PPRef.Image}}","visibility":"","type":"image","disableUpdates":false}},{"type":"shape","id":"88687cc3-9cd3-412f-8e86-7fa90f60e486","elementConfiguration":{"binding":"{{UserProfile.Office.Virksomhed}}","visibility":"{{IfElse(Equals(UserProfile.Office.Virksomhed, \"\"), VisibilityType.Hidden, VisibilityType.Visible)}}","type":"text","disableUpdates":false}},{"type":"shape","id":"5e1ef41c-811a-43fa-a752-3ad18bd15771","elementConfiguration":{"binding":"{{Form.PresentationTitle}}","visibility":"","type":"text","disableUpdates":false}},{"type":"shape","id":"8939c764-f8fe-4223-b2f9-c8c0f92f46e7","elementConfiguration":{"binding":"{{StringJoin(\" \", UserProfile.Fornavn,UserProfile.Efternavn)}}","visibility":"{{IfElse(Not(Equals(Form.Dato_Manuel, \"\")), VisibilityType.Hidden, VisibilityType.Visible)}}","type":"text","disableUpdates":false}},{"type":"shape","id":"966a06d9-7c37-48af-8dc1-882008201aba","elementConfiguration":{"binding":"{{Form.Dato_Manuel}}","visibility":"","type":"text","disableUpdates":false}},{"type":"shape","id":"202471e0-f238-4d59-b92b-bf4b51df8794","elementConfiguration":{"binding":"{{UserProfile.CenterFreeText}}","visibility":"{{IfElse(Equals(UserProfile.Centers.Center, \"\"), VisibilityType.Visible, VisibilityType.Hidden)}}","type":"text","disableUpdates":false}},{"type":"shape","id":"f0ee0263-d094-46a2-b848-e65cce5ebdbf","elementConfiguration":{"binding":"{{UserProfile.Centers.Center}}","visibility":"{{IfElse(Equals(UserProfile.Centers.Center, \"\"), VisibilityType.Hidden, VisibilityType.Visible)}}","type":"text","disableUpdates":false}},{"type":"shape","id":"e7765f56-3395-43da-a82e-05f1b5b78a71","elementConfiguration":{"inheritDimensions":"{{InheritDimensions.InheritNone}}","width":"1.91 cm","height":"1.91 cm","image":"{{UserProfile.Office.LogoRef.LogoHRef.Image}}","visibility":"","type":"image","disableUpdates":false}},{"type":"shape","id":"c8ebd375-2528-4446-ad33-38ba0f156db6","elementConfiguration":{"inheritDimensions":"{{InheritDimensions.InheritNone}}","width":"3.68 cm","height":"1.17 cm","image":"{{UserProfile.Ekstralogo.ExtraLogoPPRef.Image}}","visibility":"","type":"image","disableUpdates":false}},{"type":"shape","id":"16ca244f-1f1f-4e0a-a4c4-89bfe4c430e5","elementConfiguration":{"inheritDimensions":"{{InheritDimensions.InheritNone}}","width":"6.05 cm","height":"1.9 cm","image":"{{UserProfile.Ekstralogo.ExtraLogoSix_PPRef.Image}}","visibility":"","type":"image","disableUpdates":false}},{"type":"shape","id":"39cb2fd5-5da5-424f-b788-dc986f1971f9","elementConfiguration":{"binding":"{{UserProfile.Office.Virksomhed}}","visibility":"{{IfElse(Equals(UserProfile.Office.Virksomhed, \"\"), VisibilityType.Hidden, VisibilityType.Visible)}}","type":"text","disableUpdates":false}},{"type":"shape","id":"bfe83baf-ac6b-4234-b8b1-7fd2185ddcb5","elementConfiguration":{"binding":"{{Form.PresentationTitle}}","visibility":"","type":"text","disableUpdates":false}},{"type":"shape","id":"93ab6752-c170-4590-95d7-f16899ff0136","elementConfiguration":{"binding":"{{StringJoin(\" \", UserProfile.Fornavn,UserProfile.Efternavn)}}","visibility":"{{IfElse(Not(Equals(Form.Dato_Manuel, \"\")), VisibilityType.Hidden, VisibilityType.Visible)}}","type":"text","disableUpdates":false}},{"type":"shape","id":"37d6e17e-8b5a-4dbc-ad9d-6f17921ac88b","elementConfiguration":{"binding":"{{Form.Dato_Manuel}}","visibility":"","type":"text","disableUpdates":false}},{"type":"shape","id":"6708277f-8c67-4fb5-840a-515633d269e3","elementConfiguration":{"binding":"{{UserProfile.CenterFreeText}}","visibility":"{{IfElse(Equals(UserProfile.Centers.Center, \"\"), VisibilityType.Visible, VisibilityType.Hidden)}}","type":"text","disableUpdates":false}},{"type":"shape","id":"057a594f-9e6d-49f9-baff-c4d0d5d748d3","elementConfiguration":{"binding":"{{UserProfile.Centers.Center}}","visibility":"{{IfElse(Equals(UserProfile.Centers.Center, \"\"), VisibilityType.Hidden, VisibilityType.Visible)}}","type":"text","disableUpdates":false}},{"type":"shape","id":"d74d847a-2fd5-499a-9a8b-fdb94beba654","elementConfiguration":{"inheritDimensions":"{{InheritDimensions.InheritNone}}","width":"1.91 cm","height":"1.91 cm","image":"{{UserProfile.Office.LogoRef.LogoHRef.Image}}","visibility":"","type":"image","disableUpdates":false}},{"type":"shape","id":"864bbcb5-1eed-4d27-9564-684a0e287825","elementConfiguration":{"inheritDimensions":"{{InheritDimensions.InheritNone}}","width":"3.68 cm","height":"1.17 cm","image":"{{UserProfile.Ekstralogo.ExtraLogoPPRef.Image}}","visibility":"","type":"image","disableUpdates":false}},{"type":"shape","id":"058be0b6-226d-410d-b85f-f81a05bc477a","elementConfiguration":{"inheritDimensions":"{{InheritDimensions.InheritNone}}","width":"6.05 cm","height":"1.9 cm","image":"{{UserProfile.Ekstralogo.ExtraLogoSix_PPRef.Image}}","visibility":"","type":"image","disableUpdates":false}},{"type":"shape","id":"db5d465d-6650-4320-965c-e5943ac76c64","elementConfiguration":{"binding":"{{UserProfile.Office.Virksomhed}}","visibility":"{{IfElse(Equals(UserProfile.Office.Virksomhed, \"\"), VisibilityType.Hidden, VisibilityType.Visible)}}","type":"text","disableUpdates":false}},{"type":"shape","id":"70673e49-2555-4595-8ed0-9ba157cb4750","elementConfiguration":{"binding":"{{Form.PresentationTitle}}","visibility":"","type":"text","disableUpdates":false}},{"type":"shape","id":"e4da7c1d-2138-49d1-93f6-2ec0dd499719","elementConfiguration":{"binding":"{{StringJoin(\" \", UserProfile.Fornavn,UserProfile.Efternavn)}}","visibility":"{{IfElse(Not(Equals(Form.Dato_Manuel, \"\")), VisibilityType.Hidden, VisibilityType.Visible)}}","type":"text","disableUpdates":false}},{"type":"shape","id":"cd175b6d-1aee-4e37-9416-b518739f0575","elementConfiguration":{"binding":"{{Form.Dato_Manuel}}","visibility":"","type":"text","disableUpdates":false}},{"type":"shape","id":"9fbdadac-725d-4635-819f-68c7728c0064","elementConfiguration":{"binding":"{{UserProfile.CenterFreeText}}","visibility":"{{IfElse(Equals(UserProfile.Centers.Center, \"\"), VisibilityType.Visible, VisibilityType.Hidden)}}","type":"text","disableUpdates":false}},{"type":"shape","id":"db4f65ad-18e0-4865-9514-ed420b77d246","elementConfiguration":{"binding":"{{UserProfile.Centers.Center}}","visibility":"{{IfElse(Equals(UserProfile.Centers.Center, \"\"), VisibilityType.Hidden, VisibilityType.Visible)}}","type":"text","disableUpdates":false}}],"transformationConfigurations":[{"colorTheme":"{{UserProfile.Office.ThemecolorRef.ColorTheme}}","disableUpdates":false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type":"colorTheme"}],"templateName":"Standard_v3","templateDescription":"","enableDocumentContentUpdater":true,"version":"2.0"}]]></TemplafyTemplateConfiguration>
</file>

<file path=customXml/item4.xml><?xml version="1.0" encoding="utf-8"?>
<Templafy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{"name":"PresentationTitle","value":"bYbka6NvHuzPlIv+8JFqsQ=="},{"name":"Dato_Manuel","value":"bYbka6NvHuzPlIv+8JFqsQ=="}]}]]></TemplafyFormConfiguration>
</file>

<file path=customXml/item5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],"slideId":"1262763154359189504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1262763154359189505","enableDocumentContentUpdater":false,"version":"2.0"}]]></TemplafySlideTemplateConfiguration>
</file>

<file path=customXml/item7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8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9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],"slideId":"126276315435918950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0F44FCD-1ED5-46D8-98E6-453A5D8A7E11}">
  <ds:schemaRefs/>
</ds:datastoreItem>
</file>

<file path=customXml/itemProps10.xml><?xml version="1.0" encoding="utf-8"?>
<ds:datastoreItem xmlns:ds="http://schemas.openxmlformats.org/officeDocument/2006/customXml" ds:itemID="{B0F5D3A8-F308-498B-ACE0-A8506B4251D9}">
  <ds:schemaRefs/>
</ds:datastoreItem>
</file>

<file path=customXml/itemProps11.xml><?xml version="1.0" encoding="utf-8"?>
<ds:datastoreItem xmlns:ds="http://schemas.openxmlformats.org/officeDocument/2006/customXml" ds:itemID="{D3BBDB66-E0BA-4922-A72A-D92E49D2F91A}">
  <ds:schemaRefs/>
</ds:datastoreItem>
</file>

<file path=customXml/itemProps12.xml><?xml version="1.0" encoding="utf-8"?>
<ds:datastoreItem xmlns:ds="http://schemas.openxmlformats.org/officeDocument/2006/customXml" ds:itemID="{BA57392B-4E55-470C-9BFB-76A4EFF620E7}">
  <ds:schemaRefs/>
</ds:datastoreItem>
</file>

<file path=customXml/itemProps2.xml><?xml version="1.0" encoding="utf-8"?>
<ds:datastoreItem xmlns:ds="http://schemas.openxmlformats.org/officeDocument/2006/customXml" ds:itemID="{15919632-226E-42BB-9BDA-255C4CB26FC3}">
  <ds:schemaRefs/>
</ds:datastoreItem>
</file>

<file path=customXml/itemProps3.xml><?xml version="1.0" encoding="utf-8"?>
<ds:datastoreItem xmlns:ds="http://schemas.openxmlformats.org/officeDocument/2006/customXml" ds:itemID="{978984FF-6C25-4FD4-85EA-2F9586C8CA61}">
  <ds:schemaRefs/>
</ds:datastoreItem>
</file>

<file path=customXml/itemProps4.xml><?xml version="1.0" encoding="utf-8"?>
<ds:datastoreItem xmlns:ds="http://schemas.openxmlformats.org/officeDocument/2006/customXml" ds:itemID="{B0D2E709-FA3C-4E2D-A1F5-DD257C406372}">
  <ds:schemaRefs/>
</ds:datastoreItem>
</file>

<file path=customXml/itemProps5.xml><?xml version="1.0" encoding="utf-8"?>
<ds:datastoreItem xmlns:ds="http://schemas.openxmlformats.org/officeDocument/2006/customXml" ds:itemID="{25E05213-13AD-4010-8DF1-794DFDBE5948}">
  <ds:schemaRefs/>
</ds:datastoreItem>
</file>

<file path=customXml/itemProps6.xml><?xml version="1.0" encoding="utf-8"?>
<ds:datastoreItem xmlns:ds="http://schemas.openxmlformats.org/officeDocument/2006/customXml" ds:itemID="{67002DB9-CBFD-4736-97CD-BAFECDFC4F89}">
  <ds:schemaRefs/>
</ds:datastoreItem>
</file>

<file path=customXml/itemProps7.xml><?xml version="1.0" encoding="utf-8"?>
<ds:datastoreItem xmlns:ds="http://schemas.openxmlformats.org/officeDocument/2006/customXml" ds:itemID="{76054FA1-88D3-4912-88B0-3ADA8008CA90}">
  <ds:schemaRefs/>
</ds:datastoreItem>
</file>

<file path=customXml/itemProps8.xml><?xml version="1.0" encoding="utf-8"?>
<ds:datastoreItem xmlns:ds="http://schemas.openxmlformats.org/officeDocument/2006/customXml" ds:itemID="{5D678A52-277F-4D88-A7E6-5CE4C169F26B}">
  <ds:schemaRefs/>
</ds:datastoreItem>
</file>

<file path=customXml/itemProps9.xml><?xml version="1.0" encoding="utf-8"?>
<ds:datastoreItem xmlns:ds="http://schemas.openxmlformats.org/officeDocument/2006/customXml" ds:itemID="{71B1CA69-6F30-4A1D-8099-FC0E60F4C80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66</Words>
  <Application>Microsoft Office PowerPoint</Application>
  <PresentationFormat>Widescreen</PresentationFormat>
  <Paragraphs>415</Paragraphs>
  <Slides>22</Slides>
  <Notes>4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2</vt:i4>
      </vt:variant>
    </vt:vector>
  </HeadingPairs>
  <TitlesOfParts>
    <vt:vector size="26" baseType="lpstr">
      <vt:lpstr>Aptos Narrow</vt:lpstr>
      <vt:lpstr>Arial</vt:lpstr>
      <vt:lpstr>Calibri</vt:lpstr>
      <vt:lpstr>RegionH PowerPoint-skabelon 2024 (lys)</vt:lpstr>
      <vt:lpstr>Identificering og optimering af afdelingens rastere</vt:lpstr>
      <vt:lpstr>Optimering af raster-beholdningen og ...    øhh… dosis?</vt:lpstr>
      <vt:lpstr>PowerPoint-præsentation</vt:lpstr>
      <vt:lpstr>Hvordan startede vores process?</vt:lpstr>
      <vt:lpstr>PowerPoint-præsentation</vt:lpstr>
      <vt:lpstr>Der er vist plads til forbedring</vt:lpstr>
      <vt:lpstr>Sparring søges.</vt:lpstr>
      <vt:lpstr>PowerPoint-præsentation</vt:lpstr>
      <vt:lpstr>vi brainstormer – diskuterer – udtænker  forsøgsopstilling og mødes </vt:lpstr>
      <vt:lpstr>Tegning af opstilling</vt:lpstr>
      <vt:lpstr>PowerPoint-præsentation</vt:lpstr>
      <vt:lpstr>PowerPoint-præsentation</vt:lpstr>
      <vt:lpstr>PowerPoint-præsentation</vt:lpstr>
      <vt:lpstr>PowerPoint-præsentation</vt:lpstr>
      <vt:lpstr>Vi kiggede også på billedekvaliteten. </vt:lpstr>
      <vt:lpstr>PowerPoint-præsentation</vt:lpstr>
      <vt:lpstr>PowerPoint-præsentation</vt:lpstr>
      <vt:lpstr>Raster-Billedkvalitet-Dosis</vt:lpstr>
      <vt:lpstr>Konklusion</vt:lpstr>
      <vt:lpstr>Perspektivering</vt:lpstr>
      <vt:lpstr>Dosimeter fra konstanstest kan sagtens bruges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5-09-07T09:20:38Z</dcterms:created>
  <dcterms:modified xsi:type="dcterms:W3CDTF">2025-10-28T20:22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8-29T10:42:59</vt:lpwstr>
  </property>
  <property fmtid="{D5CDD505-2E9C-101B-9397-08002B2CF9AE}" pid="3" name="TemplafyTenantId">
    <vt:lpwstr>regionh</vt:lpwstr>
  </property>
  <property fmtid="{D5CDD505-2E9C-101B-9397-08002B2CF9AE}" pid="4" name="TemplafyTemplateId">
    <vt:lpwstr>1262763154708889604</vt:lpwstr>
  </property>
  <property fmtid="{D5CDD505-2E9C-101B-9397-08002B2CF9AE}" pid="5" name="TemplafyUserProfileId">
    <vt:lpwstr>981366174965563414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